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heme/theme2.xml" ContentType="application/vnd.openxmlformats-officedocument.theme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notesSlides/notesSlide1.xml" ContentType="application/vnd.openxmlformats-officedocument.presentationml.notesSlide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8"/>
  </p:notesMasterIdLst>
  <p:sldIdLst>
    <p:sldId id="256" r:id="rId2"/>
    <p:sldId id="257" r:id="rId3"/>
    <p:sldId id="258" r:id="rId4"/>
    <p:sldId id="259" r:id="rId5"/>
    <p:sldId id="260" r:id="rId6"/>
    <p:sldId id="2755" r:id="rId7"/>
    <p:sldId id="263" r:id="rId8"/>
    <p:sldId id="2756" r:id="rId9"/>
    <p:sldId id="261" r:id="rId10"/>
    <p:sldId id="2749" r:id="rId11"/>
    <p:sldId id="2762" r:id="rId12"/>
    <p:sldId id="2758" r:id="rId13"/>
    <p:sldId id="2759" r:id="rId14"/>
    <p:sldId id="2763" r:id="rId15"/>
    <p:sldId id="264" r:id="rId16"/>
    <p:sldId id="2757" r:id="rId17"/>
  </p:sldIdLst>
  <p:sldSz cx="12192000" cy="6858000"/>
  <p:notesSz cx="6858000" cy="9144000"/>
  <p:custDataLst>
    <p:tags r:id="rId19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64A46"/>
    <a:srgbClr val="999999"/>
    <a:srgbClr val="01111D"/>
    <a:srgbClr val="FD001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2BCBF433-37E9-44E0-A7F0-52C6AFF96E1C}" v="22" dt="2024-12-03T12:20:23.688"/>
  </p1510:revLst>
</p1510:revInfo>
</file>

<file path=ppt/tableStyles.xml><?xml version="1.0" encoding="utf-8"?>
<a:tblStyleLst xmlns:a="http://schemas.openxmlformats.org/drawingml/2006/main" def="{5C22544A-7EE6-4342-B048-85BDC9FD1C3A}">
  <a:tblStyle styleId="{8EC20E35-A176-4012-BC5E-935CFFF8708E}" styleName="Medium Style 3">
    <a:wholeTbl>
      <a:tcTxStyle>
        <a:fontRef idx="minor"/>
        <a:schemeClr val="dk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25400" cmpd="sng">
              <a:solidFill>
                <a:schemeClr val="dk1"/>
              </a:solidFill>
            </a:ln>
          </a:top>
          <a:bottom>
            <a:ln w="25400" cmpd="sng">
              <a:solidFill>
                <a:schemeClr val="dk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dk1">
              <a:tint val="20000"/>
            </a:schemeClr>
          </a:solidFill>
        </a:fill>
      </a:tcStyle>
    </a:band1H>
    <a:band1V>
      <a:tcStyle>
        <a:tcBdr/>
        <a:fill>
          <a:solidFill>
            <a:schemeClr val="dk1">
              <a:tint val="20000"/>
            </a:schemeClr>
          </a:solidFill>
        </a:fill>
      </a:tcStyle>
    </a:band1V>
    <a:la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/>
      <a:tcStyle>
        <a:tcBdr>
          <a:top>
            <a:ln w="50800" cmpd="dbl">
              <a:solidFill>
                <a:schemeClr val="dk1"/>
              </a:solidFill>
            </a:ln>
          </a:top>
        </a:tcBdr>
        <a:fill>
          <a:solidFill>
            <a:schemeClr val="lt1"/>
          </a:solidFill>
        </a:fill>
      </a:tcStyle>
    </a:lastRow>
    <a:seCell>
      <a:tcTxStyle b="on">
        <a:fontRef idx="minor">
          <a:scrgbClr r="0" g="0" b="0"/>
        </a:fontRef>
        <a:schemeClr val="dk1"/>
      </a:tcTxStyle>
      <a:tcStyle>
        <a:tcBdr/>
      </a:tcStyle>
    </a:seCell>
    <a:swCell>
      <a:tcTxStyle b="on">
        <a:fontRef idx="minor">
          <a:scrgbClr r="0" g="0" b="0"/>
        </a:fontRef>
        <a:schemeClr val="dk1"/>
      </a:tcTxStyle>
      <a:tcStyle>
        <a:tcBdr/>
      </a:tcStyle>
    </a:swCell>
    <a:firstRow>
      <a:tcTxStyle b="on">
        <a:fontRef idx="minor">
          <a:scrgbClr r="0" g="0" b="0"/>
        </a:fontRef>
        <a:schemeClr val="lt1"/>
      </a:tcTxStyle>
      <a:tcStyle>
        <a:tcBdr>
          <a:bottom>
            <a:ln w="25400" cmpd="sng">
              <a:solidFill>
                <a:schemeClr val="dk1"/>
              </a:solidFill>
            </a:ln>
          </a:bottom>
        </a:tcBdr>
        <a:fill>
          <a:solidFill>
            <a:schemeClr val="dk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 showGuides="1">
      <p:cViewPr varScale="1">
        <p:scale>
          <a:sx n="104" d="100"/>
          <a:sy n="104" d="100"/>
        </p:scale>
        <p:origin x="756" y="108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microsoft.com/office/2015/10/relationships/revisionInfo" Target="revisionInfo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4419C5B-A708-4449-AFA0-37B9EFEA25E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IN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573F93C-622F-41B0-80DC-3153CF61EED5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246329835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573F93C-622F-41B0-80DC-3153CF61EED5}" type="slidenum">
              <a:rPr lang="en-IN" smtClean="0"/>
              <a:t>10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92980748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7.xml"/><Relationship Id="rId5" Type="http://schemas.openxmlformats.org/officeDocument/2006/relationships/image" Target="../media/image16.jpeg"/><Relationship Id="rId4" Type="http://schemas.microsoft.com/office/2007/relationships/hdphoto" Target="../media/hdphoto3.wdp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8.xml"/><Relationship Id="rId5" Type="http://schemas.openxmlformats.org/officeDocument/2006/relationships/image" Target="../media/image16.jpeg"/><Relationship Id="rId4" Type="http://schemas.microsoft.com/office/2007/relationships/hdphoto" Target="../media/hdphoto4.wdp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jpe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9.xml"/><Relationship Id="rId5" Type="http://schemas.openxmlformats.org/officeDocument/2006/relationships/image" Target="../media/image20.svg"/><Relationship Id="rId4" Type="http://schemas.openxmlformats.org/officeDocument/2006/relationships/image" Target="../media/image19.png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jpe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10.xml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11.xml"/></Relationships>
</file>

<file path=ppt/slideLayouts/_rels/slideLayout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svg"/><Relationship Id="rId3" Type="http://schemas.openxmlformats.org/officeDocument/2006/relationships/image" Target="../media/image19.png"/><Relationship Id="rId7" Type="http://schemas.openxmlformats.org/officeDocument/2006/relationships/image" Target="../media/image8.png"/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24.svg"/><Relationship Id="rId5" Type="http://schemas.openxmlformats.org/officeDocument/2006/relationships/image" Target="../media/image23.png"/><Relationship Id="rId4" Type="http://schemas.openxmlformats.org/officeDocument/2006/relationships/image" Target="../media/image20.svg"/></Relationships>
</file>

<file path=ppt/slideLayouts/_rels/slideLayout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image" Target="../media/image1.jpeg"/><Relationship Id="rId7" Type="http://schemas.openxmlformats.org/officeDocument/2006/relationships/image" Target="../media/image24.sv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12.xml"/><Relationship Id="rId6" Type="http://schemas.openxmlformats.org/officeDocument/2006/relationships/image" Target="../media/image23.png"/><Relationship Id="rId5" Type="http://schemas.openxmlformats.org/officeDocument/2006/relationships/image" Target="../media/image20.svg"/><Relationship Id="rId10" Type="http://schemas.openxmlformats.org/officeDocument/2006/relationships/image" Target="../media/image25.png"/><Relationship Id="rId4" Type="http://schemas.openxmlformats.org/officeDocument/2006/relationships/image" Target="../media/image19.png"/><Relationship Id="rId9" Type="http://schemas.openxmlformats.org/officeDocument/2006/relationships/image" Target="../media/image9.svg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svg"/><Relationship Id="rId3" Type="http://schemas.openxmlformats.org/officeDocument/2006/relationships/image" Target="../media/image2.png"/><Relationship Id="rId7" Type="http://schemas.openxmlformats.org/officeDocument/2006/relationships/image" Target="../media/image6.png"/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5.svg"/><Relationship Id="rId5" Type="http://schemas.openxmlformats.org/officeDocument/2006/relationships/image" Target="../media/image4.png"/><Relationship Id="rId10" Type="http://schemas.openxmlformats.org/officeDocument/2006/relationships/image" Target="../media/image9.svg"/><Relationship Id="rId4" Type="http://schemas.openxmlformats.org/officeDocument/2006/relationships/image" Target="../media/image3.svg"/><Relationship Id="rId9" Type="http://schemas.openxmlformats.org/officeDocument/2006/relationships/image" Target="../media/image8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Relationship Id="rId6" Type="http://schemas.openxmlformats.org/officeDocument/2006/relationships/image" Target="../media/image9.svg"/><Relationship Id="rId5" Type="http://schemas.openxmlformats.org/officeDocument/2006/relationships/image" Target="../media/image8.png"/><Relationship Id="rId4" Type="http://schemas.openxmlformats.org/officeDocument/2006/relationships/image" Target="../media/image3.svg"/></Relationships>
</file>

<file path=ppt/slideLayouts/_rels/slideLayout4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svg"/><Relationship Id="rId3" Type="http://schemas.openxmlformats.org/officeDocument/2006/relationships/image" Target="../media/image10.png"/><Relationship Id="rId7" Type="http://schemas.openxmlformats.org/officeDocument/2006/relationships/image" Target="../media/image8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Relationship Id="rId6" Type="http://schemas.openxmlformats.org/officeDocument/2006/relationships/image" Target="../media/image3.svg"/><Relationship Id="rId5" Type="http://schemas.openxmlformats.org/officeDocument/2006/relationships/image" Target="../media/image2.png"/><Relationship Id="rId4" Type="http://schemas.microsoft.com/office/2007/relationships/hdphoto" Target="../media/hdphoto1.wdp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12.svg"/><Relationship Id="rId4" Type="http://schemas.openxmlformats.org/officeDocument/2006/relationships/image" Target="../media/image11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9.svg"/><Relationship Id="rId4" Type="http://schemas.openxmlformats.org/officeDocument/2006/relationships/image" Target="../media/image8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Relationship Id="rId6" Type="http://schemas.openxmlformats.org/officeDocument/2006/relationships/image" Target="../media/image13.svg"/><Relationship Id="rId5" Type="http://schemas.openxmlformats.org/officeDocument/2006/relationships/image" Target="../media/image2.png"/><Relationship Id="rId4" Type="http://schemas.openxmlformats.org/officeDocument/2006/relationships/image" Target="../media/image9.sv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Relationship Id="rId4" Type="http://schemas.microsoft.com/office/2007/relationships/hdphoto" Target="../media/hdphoto2.wdp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jpe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6.xml"/><Relationship Id="rId4" Type="http://schemas.openxmlformats.org/officeDocument/2006/relationships/image" Target="../media/image16.jpe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00F9BE0-E7AB-F0CD-D47F-B8FEB8D2CBF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5673264E-5BB9-927D-B482-1D42CC9B5F7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23DE45D-DAD4-0A35-209E-EFD13E70963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DB0B689-3CBE-697A-F1E8-ADFAEC86FD5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D104AB5-8414-47FD-CE7C-396BA2D545E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50281794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_Custom Layout">
    <p:bg>
      <p:bgPr>
        <a:solidFill>
          <a:srgbClr val="999999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EACADC3D-9AB8-46E7-03FB-BB67AD4E18D5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saturation sat="0"/>
                    </a14:imgEffect>
                  </a14:imgLayer>
                </a14:imgProps>
              </a:ext>
            </a:extLst>
          </a:blip>
          <a:srcRect/>
          <a:stretch/>
        </p:blipFill>
        <p:spPr>
          <a:xfrm>
            <a:off x="-1" y="0"/>
            <a:ext cx="12188388" cy="6858000"/>
          </a:xfrm>
          <a:prstGeom prst="rect">
            <a:avLst/>
          </a:prstGeom>
        </p:spPr>
      </p:pic>
      <p:pic>
        <p:nvPicPr>
          <p:cNvPr id="3" name="Picture 2" descr="A colorful curved object with a red and blue gradient&#10;&#10;Description automatically generated with medium confidence">
            <a:extLst>
              <a:ext uri="{FF2B5EF4-FFF2-40B4-BE49-F238E27FC236}">
                <a16:creationId xmlns:a16="http://schemas.microsoft.com/office/drawing/2014/main" id="{4BDBA11E-0C15-7224-734E-889CDCE110C3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5">
            <a:alphaModFix amt="42000"/>
            <a:duotone>
              <a:prstClr val="black"/>
              <a:schemeClr val="accent1">
                <a:tint val="45000"/>
                <a:satMod val="400000"/>
              </a:schemeClr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1" b="1563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0037278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9_Custom Layout">
    <p:bg>
      <p:bgPr>
        <a:solidFill>
          <a:srgbClr val="999999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EACADC3D-9AB8-46E7-03FB-BB67AD4E18D5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saturation sat="0"/>
                    </a14:imgEffect>
                  </a14:imgLayer>
                </a14:imgProps>
              </a:ext>
            </a:extLst>
          </a:blip>
          <a:srcRect t="11663" r="1995" b="13686"/>
          <a:stretch/>
        </p:blipFill>
        <p:spPr>
          <a:xfrm>
            <a:off x="1" y="0"/>
            <a:ext cx="12191999" cy="6858000"/>
          </a:xfrm>
          <a:prstGeom prst="rect">
            <a:avLst/>
          </a:prstGeom>
        </p:spPr>
      </p:pic>
      <p:pic>
        <p:nvPicPr>
          <p:cNvPr id="3" name="Picture 2" descr="A colorful curved object with a red and blue gradient&#10;&#10;Description automatically generated with medium confidence">
            <a:extLst>
              <a:ext uri="{FF2B5EF4-FFF2-40B4-BE49-F238E27FC236}">
                <a16:creationId xmlns:a16="http://schemas.microsoft.com/office/drawing/2014/main" id="{4BDBA11E-0C15-7224-734E-889CDCE110C3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5">
            <a:alphaModFix amt="42000"/>
            <a:duotone>
              <a:prstClr val="black"/>
              <a:schemeClr val="accent1">
                <a:tint val="45000"/>
                <a:satMod val="400000"/>
              </a:schemeClr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1" b="1563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955123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 descr="A colorful curved object with a red and blue gradient&#10;&#10;Description automatically generated with medium confidence">
            <a:extLst>
              <a:ext uri="{FF2B5EF4-FFF2-40B4-BE49-F238E27FC236}">
                <a16:creationId xmlns:a16="http://schemas.microsoft.com/office/drawing/2014/main" id="{60F49653-E9AC-22FE-1D4C-5D560FC6619E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1" b="1563"/>
          <a:stretch/>
        </p:blipFill>
        <p:spPr>
          <a:xfrm>
            <a:off x="0" y="1"/>
            <a:ext cx="12192000" cy="6858000"/>
          </a:xfrm>
          <a:prstGeom prst="rect">
            <a:avLst/>
          </a:prstGeom>
        </p:spPr>
      </p:pic>
      <p:sp>
        <p:nvSpPr>
          <p:cNvPr id="6" name="Title 1">
            <a:extLst>
              <a:ext uri="{FF2B5EF4-FFF2-40B4-BE49-F238E27FC236}">
                <a16:creationId xmlns:a16="http://schemas.microsoft.com/office/drawing/2014/main" id="{1817E5F4-2299-571B-FA4F-40CDF73F535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6900" y="542925"/>
            <a:ext cx="10515600" cy="676275"/>
          </a:xfrm>
        </p:spPr>
        <p:txBody>
          <a:bodyPr>
            <a:normAutofit/>
          </a:bodyPr>
          <a:lstStyle>
            <a:lvl1pPr>
              <a:defRPr sz="3500">
                <a:solidFill>
                  <a:schemeClr val="bg1"/>
                </a:solidFill>
                <a:latin typeface="Effra Pro" panose="020B0603020203020204" pitchFamily="34" charset="0"/>
              </a:defRPr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9" name="Title 1">
            <a:extLst>
              <a:ext uri="{FF2B5EF4-FFF2-40B4-BE49-F238E27FC236}">
                <a16:creationId xmlns:a16="http://schemas.microsoft.com/office/drawing/2014/main" id="{BC7FFD06-6F77-6469-CE8A-6B93510DF58C}"/>
              </a:ext>
            </a:extLst>
          </p:cNvPr>
          <p:cNvSpPr txBox="1">
            <a:spLocks/>
          </p:cNvSpPr>
          <p:nvPr userDrawn="1"/>
        </p:nvSpPr>
        <p:spPr>
          <a:xfrm>
            <a:off x="612775" y="5943004"/>
            <a:ext cx="5629275" cy="34925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000" kern="1200">
                <a:solidFill>
                  <a:schemeClr val="tx1"/>
                </a:solidFill>
                <a:latin typeface="Effra Pro "/>
                <a:ea typeface="+mj-ea"/>
                <a:cs typeface="+mj-cs"/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sz="1400">
                <a:solidFill>
                  <a:schemeClr val="bg1"/>
                </a:solidFill>
                <a:latin typeface="Effra Pro "/>
              </a:rPr>
              <a:t>Cultural Ambassador Program - </a:t>
            </a:r>
            <a:r>
              <a:rPr lang="en-IN" sz="1400">
                <a:solidFill>
                  <a:schemeClr val="bg1"/>
                </a:solidFill>
                <a:latin typeface="Effra Pro "/>
              </a:rPr>
              <a:t>Onboarding &amp; Training 2024</a:t>
            </a:r>
          </a:p>
        </p:txBody>
      </p:sp>
      <p:cxnSp>
        <p:nvCxnSpPr>
          <p:cNvPr id="11" name="Straight Connector 10">
            <a:extLst>
              <a:ext uri="{FF2B5EF4-FFF2-40B4-BE49-F238E27FC236}">
                <a16:creationId xmlns:a16="http://schemas.microsoft.com/office/drawing/2014/main" id="{0BB290C3-B3F9-0779-A480-E0618B2E0080}"/>
              </a:ext>
            </a:extLst>
          </p:cNvPr>
          <p:cNvCxnSpPr>
            <a:cxnSpLocks/>
          </p:cNvCxnSpPr>
          <p:nvPr userDrawn="1"/>
        </p:nvCxnSpPr>
        <p:spPr>
          <a:xfrm>
            <a:off x="5451034" y="6115048"/>
            <a:ext cx="5403235" cy="0"/>
          </a:xfrm>
          <a:prstGeom prst="line">
            <a:avLst/>
          </a:prstGeom>
          <a:ln w="3175">
            <a:solidFill>
              <a:schemeClr val="bg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Slide Number Placeholder 5">
            <a:extLst>
              <a:ext uri="{FF2B5EF4-FFF2-40B4-BE49-F238E27FC236}">
                <a16:creationId xmlns:a16="http://schemas.microsoft.com/office/drawing/2014/main" id="{EA90A516-1FEA-81AE-A9B9-1E2DCE254A30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chemeClr val="bg1"/>
                </a:solidFill>
                <a:latin typeface="Effra Pro bold" panose="020B0803020203020204" pitchFamily="34" charset="0"/>
                <a:ea typeface="Roboto light" panose="02000000000000000000" pitchFamily="2" charset="0"/>
                <a:cs typeface="Roboto light" panose="02000000000000000000" pitchFamily="2" charset="0"/>
              </a:rPr>
              <a:pPr algn="r"/>
              <a:t>‹#›</a:t>
            </a:fld>
            <a:r>
              <a:rPr lang="en-US" sz="1400">
                <a:solidFill>
                  <a:schemeClr val="bg1"/>
                </a:solidFill>
                <a:latin typeface="Effra Pro bold" panose="020B0803020203020204" pitchFamily="34" charset="0"/>
                <a:ea typeface="Roboto light" panose="02000000000000000000" pitchFamily="2" charset="0"/>
                <a:cs typeface="Roboto light" panose="02000000000000000000" pitchFamily="2" charset="0"/>
              </a:rPr>
              <a:t> </a:t>
            </a:r>
            <a:r>
              <a:rPr lang="en-US" sz="1400">
                <a:solidFill>
                  <a:schemeClr val="bg1">
                    <a:lumMod val="65000"/>
                  </a:schemeClr>
                </a:solidFill>
                <a:latin typeface="Effra Pro "/>
                <a:ea typeface="Roboto light" panose="02000000000000000000" pitchFamily="2" charset="0"/>
                <a:cs typeface="Roboto light" panose="02000000000000000000" pitchFamily="2" charset="0"/>
              </a:rPr>
              <a:t>/ 60</a:t>
            </a:r>
          </a:p>
        </p:txBody>
      </p: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B655AAB4-F524-4EEC-11A0-D70C06101D48}"/>
              </a:ext>
            </a:extLst>
          </p:cNvPr>
          <p:cNvCxnSpPr>
            <a:cxnSpLocks/>
          </p:cNvCxnSpPr>
          <p:nvPr userDrawn="1"/>
        </p:nvCxnSpPr>
        <p:spPr>
          <a:xfrm>
            <a:off x="720726" y="1278467"/>
            <a:ext cx="701674" cy="0"/>
          </a:xfrm>
          <a:prstGeom prst="line">
            <a:avLst/>
          </a:prstGeom>
          <a:ln w="57150" cap="rnd">
            <a:solidFill>
              <a:schemeClr val="bg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Straight Connector 28">
            <a:extLst>
              <a:ext uri="{FF2B5EF4-FFF2-40B4-BE49-F238E27FC236}">
                <a16:creationId xmlns:a16="http://schemas.microsoft.com/office/drawing/2014/main" id="{36CA3FD5-BC96-3C38-D8F2-E39AAEFA03B5}"/>
              </a:ext>
            </a:extLst>
          </p:cNvPr>
          <p:cNvCxnSpPr>
            <a:cxnSpLocks/>
          </p:cNvCxnSpPr>
          <p:nvPr userDrawn="1"/>
        </p:nvCxnSpPr>
        <p:spPr>
          <a:xfrm>
            <a:off x="695325" y="3927944"/>
            <a:ext cx="0" cy="1661823"/>
          </a:xfrm>
          <a:prstGeom prst="line">
            <a:avLst/>
          </a:prstGeom>
          <a:ln w="3175" cap="rnd">
            <a:solidFill>
              <a:schemeClr val="bg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5" name="Graphic 4">
            <a:extLst>
              <a:ext uri="{FF2B5EF4-FFF2-40B4-BE49-F238E27FC236}">
                <a16:creationId xmlns:a16="http://schemas.microsoft.com/office/drawing/2014/main" id="{514CCB29-1974-C322-8B8C-68061B8F4DDB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2715180" y="5008293"/>
            <a:ext cx="884442" cy="16030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8116270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Picture 18" descr="A group of people sitting around a table&#10;&#10;Description automatically generated">
            <a:extLst>
              <a:ext uri="{FF2B5EF4-FFF2-40B4-BE49-F238E27FC236}">
                <a16:creationId xmlns:a16="http://schemas.microsoft.com/office/drawing/2014/main" id="{936C05BF-42DE-1BBC-1105-0A1E491D5B53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3360"/>
          <a:stretch/>
        </p:blipFill>
        <p:spPr>
          <a:xfrm>
            <a:off x="-1" y="-5052"/>
            <a:ext cx="12192001" cy="6863051"/>
          </a:xfrm>
          <a:prstGeom prst="rect">
            <a:avLst/>
          </a:prstGeom>
        </p:spPr>
      </p:pic>
      <p:sp>
        <p:nvSpPr>
          <p:cNvPr id="20" name="Graphic 16">
            <a:extLst>
              <a:ext uri="{FF2B5EF4-FFF2-40B4-BE49-F238E27FC236}">
                <a16:creationId xmlns:a16="http://schemas.microsoft.com/office/drawing/2014/main" id="{9B2DC246-4C08-9557-DBF7-C20E26524BE2}"/>
              </a:ext>
            </a:extLst>
          </p:cNvPr>
          <p:cNvSpPr/>
          <p:nvPr userDrawn="1"/>
        </p:nvSpPr>
        <p:spPr>
          <a:xfrm>
            <a:off x="-1" y="-5052"/>
            <a:ext cx="12192000" cy="6858000"/>
          </a:xfrm>
          <a:custGeom>
            <a:avLst/>
            <a:gdLst>
              <a:gd name="connsiteX0" fmla="*/ 0 w 12192000"/>
              <a:gd name="connsiteY0" fmla="*/ 0 h 6858000"/>
              <a:gd name="connsiteX1" fmla="*/ 12192000 w 12192000"/>
              <a:gd name="connsiteY1" fmla="*/ 0 h 6858000"/>
              <a:gd name="connsiteX2" fmla="*/ 12192000 w 12192000"/>
              <a:gd name="connsiteY2" fmla="*/ 6858000 h 6858000"/>
              <a:gd name="connsiteX3" fmla="*/ 0 w 12192000"/>
              <a:gd name="connsiteY3" fmla="*/ 6858000 h 6858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2192000" h="6858000">
                <a:moveTo>
                  <a:pt x="0" y="0"/>
                </a:moveTo>
                <a:lnTo>
                  <a:pt x="12192000" y="0"/>
                </a:lnTo>
                <a:lnTo>
                  <a:pt x="12192000" y="6858000"/>
                </a:lnTo>
                <a:lnTo>
                  <a:pt x="0" y="6858000"/>
                </a:lnTo>
                <a:close/>
              </a:path>
            </a:pathLst>
          </a:custGeom>
          <a:gradFill flip="none" rotWithShape="1">
            <a:gsLst>
              <a:gs pos="0">
                <a:srgbClr val="3A0063">
                  <a:alpha val="84000"/>
                </a:srgbClr>
              </a:gs>
              <a:gs pos="50000">
                <a:srgbClr val="1B0045">
                  <a:alpha val="67000"/>
                </a:srgbClr>
              </a:gs>
              <a:gs pos="100000">
                <a:srgbClr val="01002B">
                  <a:alpha val="49000"/>
                </a:srgbClr>
              </a:gs>
            </a:gsLst>
            <a:path path="rect">
              <a:fillToRect l="100000" t="100000"/>
            </a:path>
            <a:tileRect r="-100000" b="-100000"/>
          </a:gra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21" name="Title 1">
            <a:extLst>
              <a:ext uri="{FF2B5EF4-FFF2-40B4-BE49-F238E27FC236}">
                <a16:creationId xmlns:a16="http://schemas.microsoft.com/office/drawing/2014/main" id="{FD663534-3087-417C-B7DD-18DDE24F1645}"/>
              </a:ext>
            </a:extLst>
          </p:cNvPr>
          <p:cNvSpPr txBox="1">
            <a:spLocks/>
          </p:cNvSpPr>
          <p:nvPr userDrawn="1"/>
        </p:nvSpPr>
        <p:spPr>
          <a:xfrm>
            <a:off x="612775" y="5943004"/>
            <a:ext cx="5629275" cy="34925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000" kern="1200">
                <a:solidFill>
                  <a:schemeClr val="tx1"/>
                </a:solidFill>
                <a:latin typeface="Effra Pro "/>
                <a:ea typeface="+mj-ea"/>
                <a:cs typeface="+mj-cs"/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sz="1400">
                <a:solidFill>
                  <a:schemeClr val="bg1"/>
                </a:solidFill>
                <a:latin typeface="Effra Pro "/>
              </a:rPr>
              <a:t>Cultural Ambassador Program - </a:t>
            </a:r>
            <a:r>
              <a:rPr lang="en-IN" sz="1400">
                <a:solidFill>
                  <a:schemeClr val="bg1"/>
                </a:solidFill>
                <a:latin typeface="Effra Pro "/>
              </a:rPr>
              <a:t>Onboarding &amp; Training 2024</a:t>
            </a:r>
          </a:p>
        </p:txBody>
      </p:sp>
      <p:cxnSp>
        <p:nvCxnSpPr>
          <p:cNvPr id="22" name="Straight Connector 21">
            <a:extLst>
              <a:ext uri="{FF2B5EF4-FFF2-40B4-BE49-F238E27FC236}">
                <a16:creationId xmlns:a16="http://schemas.microsoft.com/office/drawing/2014/main" id="{44D10E4D-4632-F96B-BC71-4AC763EAE7A1}"/>
              </a:ext>
            </a:extLst>
          </p:cNvPr>
          <p:cNvCxnSpPr>
            <a:cxnSpLocks/>
          </p:cNvCxnSpPr>
          <p:nvPr userDrawn="1"/>
        </p:nvCxnSpPr>
        <p:spPr>
          <a:xfrm>
            <a:off x="5451034" y="6115048"/>
            <a:ext cx="5403235" cy="0"/>
          </a:xfrm>
          <a:prstGeom prst="line">
            <a:avLst/>
          </a:prstGeom>
          <a:ln w="3175">
            <a:solidFill>
              <a:schemeClr val="bg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Straight Connector 22">
            <a:extLst>
              <a:ext uri="{FF2B5EF4-FFF2-40B4-BE49-F238E27FC236}">
                <a16:creationId xmlns:a16="http://schemas.microsoft.com/office/drawing/2014/main" id="{F31EA399-2051-79B0-D120-01E9F2BC2588}"/>
              </a:ext>
            </a:extLst>
          </p:cNvPr>
          <p:cNvCxnSpPr>
            <a:cxnSpLocks/>
          </p:cNvCxnSpPr>
          <p:nvPr userDrawn="1"/>
        </p:nvCxnSpPr>
        <p:spPr>
          <a:xfrm>
            <a:off x="695325" y="3927944"/>
            <a:ext cx="0" cy="1661823"/>
          </a:xfrm>
          <a:prstGeom prst="line">
            <a:avLst/>
          </a:prstGeom>
          <a:ln w="3175" cap="rnd">
            <a:solidFill>
              <a:schemeClr val="bg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4" name="Slide Number Placeholder 5">
            <a:extLst>
              <a:ext uri="{FF2B5EF4-FFF2-40B4-BE49-F238E27FC236}">
                <a16:creationId xmlns:a16="http://schemas.microsoft.com/office/drawing/2014/main" id="{FEB831E7-9A5D-6B8A-CB47-793A37FC46C9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chemeClr val="bg1"/>
                </a:solidFill>
                <a:latin typeface="Effra Pro bold" panose="020B0803020203020204" pitchFamily="34" charset="0"/>
                <a:ea typeface="Roboto light" panose="02000000000000000000" pitchFamily="2" charset="0"/>
                <a:cs typeface="Roboto light" panose="02000000000000000000" pitchFamily="2" charset="0"/>
              </a:rPr>
              <a:pPr algn="r"/>
              <a:t>‹#›</a:t>
            </a:fld>
            <a:r>
              <a:rPr lang="en-US" sz="1400">
                <a:solidFill>
                  <a:srgbClr val="0079C2"/>
                </a:solidFill>
                <a:latin typeface="Effra Pro bold" panose="020B0803020203020204" pitchFamily="34" charset="0"/>
                <a:ea typeface="Roboto light" panose="02000000000000000000" pitchFamily="2" charset="0"/>
                <a:cs typeface="Roboto light" panose="02000000000000000000" pitchFamily="2" charset="0"/>
              </a:rPr>
              <a:t> </a:t>
            </a:r>
            <a:r>
              <a:rPr lang="en-US" sz="1400">
                <a:solidFill>
                  <a:schemeClr val="bg1">
                    <a:lumMod val="75000"/>
                  </a:schemeClr>
                </a:solidFill>
                <a:latin typeface="Effra Pro "/>
                <a:ea typeface="Roboto light" panose="02000000000000000000" pitchFamily="2" charset="0"/>
                <a:cs typeface="Roboto light" panose="02000000000000000000" pitchFamily="2" charset="0"/>
              </a:rPr>
              <a:t>/ 60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3212996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1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 descr="A blue and pink gradient&#10;&#10;Description automatically generated">
            <a:extLst>
              <a:ext uri="{FF2B5EF4-FFF2-40B4-BE49-F238E27FC236}">
                <a16:creationId xmlns:a16="http://schemas.microsoft.com/office/drawing/2014/main" id="{B3C817D4-492F-32E7-6363-D5CBC99521A4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9" t="5912" r="1603" b="7916"/>
          <a:stretch/>
        </p:blipFill>
        <p:spPr>
          <a:xfrm>
            <a:off x="0" y="-1"/>
            <a:ext cx="12192000" cy="6918385"/>
          </a:xfrm>
          <a:prstGeom prst="rect">
            <a:avLst/>
          </a:prstGeom>
        </p:spPr>
      </p:pic>
      <p:sp>
        <p:nvSpPr>
          <p:cNvPr id="6" name="Title 1">
            <a:extLst>
              <a:ext uri="{FF2B5EF4-FFF2-40B4-BE49-F238E27FC236}">
                <a16:creationId xmlns:a16="http://schemas.microsoft.com/office/drawing/2014/main" id="{1817E5F4-2299-571B-FA4F-40CDF73F535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6900" y="542925"/>
            <a:ext cx="10515600" cy="676275"/>
          </a:xfrm>
        </p:spPr>
        <p:txBody>
          <a:bodyPr>
            <a:normAutofit/>
          </a:bodyPr>
          <a:lstStyle>
            <a:lvl1pPr>
              <a:defRPr sz="3500">
                <a:solidFill>
                  <a:schemeClr val="bg1"/>
                </a:solidFill>
                <a:latin typeface="Effra Pro" panose="020B0603020203020204" pitchFamily="34" charset="0"/>
              </a:defRPr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9" name="Title 1">
            <a:extLst>
              <a:ext uri="{FF2B5EF4-FFF2-40B4-BE49-F238E27FC236}">
                <a16:creationId xmlns:a16="http://schemas.microsoft.com/office/drawing/2014/main" id="{BC7FFD06-6F77-6469-CE8A-6B93510DF58C}"/>
              </a:ext>
            </a:extLst>
          </p:cNvPr>
          <p:cNvSpPr txBox="1">
            <a:spLocks/>
          </p:cNvSpPr>
          <p:nvPr userDrawn="1"/>
        </p:nvSpPr>
        <p:spPr>
          <a:xfrm>
            <a:off x="612775" y="5943004"/>
            <a:ext cx="5629275" cy="34925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000" kern="1200">
                <a:solidFill>
                  <a:schemeClr val="tx1"/>
                </a:solidFill>
                <a:latin typeface="Effra Pro "/>
                <a:ea typeface="+mj-ea"/>
                <a:cs typeface="+mj-cs"/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sz="1400">
                <a:solidFill>
                  <a:schemeClr val="bg1"/>
                </a:solidFill>
                <a:latin typeface="Effra Pro "/>
              </a:rPr>
              <a:t>Cultural Ambassador Program - </a:t>
            </a:r>
            <a:r>
              <a:rPr lang="en-IN" sz="1400">
                <a:solidFill>
                  <a:schemeClr val="bg1"/>
                </a:solidFill>
                <a:latin typeface="Effra Pro "/>
              </a:rPr>
              <a:t>Onboarding &amp; Training 2024</a:t>
            </a:r>
          </a:p>
        </p:txBody>
      </p:sp>
      <p:cxnSp>
        <p:nvCxnSpPr>
          <p:cNvPr id="11" name="Straight Connector 10">
            <a:extLst>
              <a:ext uri="{FF2B5EF4-FFF2-40B4-BE49-F238E27FC236}">
                <a16:creationId xmlns:a16="http://schemas.microsoft.com/office/drawing/2014/main" id="{0BB290C3-B3F9-0779-A480-E0618B2E0080}"/>
              </a:ext>
            </a:extLst>
          </p:cNvPr>
          <p:cNvCxnSpPr>
            <a:cxnSpLocks/>
          </p:cNvCxnSpPr>
          <p:nvPr userDrawn="1"/>
        </p:nvCxnSpPr>
        <p:spPr>
          <a:xfrm>
            <a:off x="5451034" y="6115048"/>
            <a:ext cx="5403235" cy="0"/>
          </a:xfrm>
          <a:prstGeom prst="line">
            <a:avLst/>
          </a:prstGeom>
          <a:ln w="3175">
            <a:solidFill>
              <a:schemeClr val="bg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Slide Number Placeholder 5">
            <a:extLst>
              <a:ext uri="{FF2B5EF4-FFF2-40B4-BE49-F238E27FC236}">
                <a16:creationId xmlns:a16="http://schemas.microsoft.com/office/drawing/2014/main" id="{EA90A516-1FEA-81AE-A9B9-1E2DCE254A30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chemeClr val="bg1"/>
                </a:solidFill>
                <a:latin typeface="Effra Pro bold" panose="020B0803020203020204" pitchFamily="34" charset="0"/>
                <a:ea typeface="Roboto light" panose="02000000000000000000" pitchFamily="2" charset="0"/>
                <a:cs typeface="Roboto light" panose="02000000000000000000" pitchFamily="2" charset="0"/>
              </a:rPr>
              <a:pPr algn="r"/>
              <a:t>‹#›</a:t>
            </a:fld>
            <a:r>
              <a:rPr lang="en-US" sz="1400">
                <a:solidFill>
                  <a:schemeClr val="bg1"/>
                </a:solidFill>
                <a:latin typeface="Effra Pro bold" panose="020B0803020203020204" pitchFamily="34" charset="0"/>
                <a:ea typeface="Roboto light" panose="02000000000000000000" pitchFamily="2" charset="0"/>
                <a:cs typeface="Roboto light" panose="02000000000000000000" pitchFamily="2" charset="0"/>
              </a:rPr>
              <a:t> </a:t>
            </a:r>
            <a:r>
              <a:rPr lang="en-US" sz="1400">
                <a:solidFill>
                  <a:schemeClr val="bg1">
                    <a:lumMod val="75000"/>
                  </a:schemeClr>
                </a:solidFill>
                <a:latin typeface="Effra Pro "/>
                <a:ea typeface="Roboto light" panose="02000000000000000000" pitchFamily="2" charset="0"/>
                <a:cs typeface="Roboto light" panose="02000000000000000000" pitchFamily="2" charset="0"/>
              </a:rPr>
              <a:t>/ 60</a:t>
            </a:r>
          </a:p>
        </p:txBody>
      </p: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B655AAB4-F524-4EEC-11A0-D70C06101D48}"/>
              </a:ext>
            </a:extLst>
          </p:cNvPr>
          <p:cNvCxnSpPr>
            <a:cxnSpLocks/>
          </p:cNvCxnSpPr>
          <p:nvPr userDrawn="1"/>
        </p:nvCxnSpPr>
        <p:spPr>
          <a:xfrm>
            <a:off x="720726" y="1278467"/>
            <a:ext cx="701674" cy="0"/>
          </a:xfrm>
          <a:prstGeom prst="line">
            <a:avLst/>
          </a:prstGeom>
          <a:ln w="57150" cap="rnd">
            <a:solidFill>
              <a:schemeClr val="bg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Straight Connector 28">
            <a:extLst>
              <a:ext uri="{FF2B5EF4-FFF2-40B4-BE49-F238E27FC236}">
                <a16:creationId xmlns:a16="http://schemas.microsoft.com/office/drawing/2014/main" id="{36CA3FD5-BC96-3C38-D8F2-E39AAEFA03B5}"/>
              </a:ext>
            </a:extLst>
          </p:cNvPr>
          <p:cNvCxnSpPr>
            <a:cxnSpLocks/>
          </p:cNvCxnSpPr>
          <p:nvPr userDrawn="1"/>
        </p:nvCxnSpPr>
        <p:spPr>
          <a:xfrm>
            <a:off x="695325" y="3927944"/>
            <a:ext cx="0" cy="1661823"/>
          </a:xfrm>
          <a:prstGeom prst="line">
            <a:avLst/>
          </a:prstGeom>
          <a:ln w="3175" cap="rnd">
            <a:solidFill>
              <a:schemeClr val="bg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107140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7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A white and grey background&#10;&#10;Description automatically generated">
            <a:extLst>
              <a:ext uri="{FF2B5EF4-FFF2-40B4-BE49-F238E27FC236}">
                <a16:creationId xmlns:a16="http://schemas.microsoft.com/office/drawing/2014/main" id="{2D34DDC2-F360-E8DD-1062-9551F76BCF30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>
            <a:alphaModFix amt="70000"/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741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514CCB29-1974-C322-8B8C-68061B8F4DDB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2715180" y="5008293"/>
            <a:ext cx="884442" cy="160305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1A9C812C-EF6B-33A4-869B-98439F123773}"/>
              </a:ext>
            </a:extLst>
          </p:cNvPr>
          <p:cNvGrpSpPr/>
          <p:nvPr userDrawn="1"/>
        </p:nvGrpSpPr>
        <p:grpSpPr>
          <a:xfrm>
            <a:off x="11182440" y="703262"/>
            <a:ext cx="312705" cy="1036842"/>
            <a:chOff x="11182440" y="1361008"/>
            <a:chExt cx="312705" cy="1036842"/>
          </a:xfrm>
        </p:grpSpPr>
        <p:pic>
          <p:nvPicPr>
            <p:cNvPr id="10" name="Graphic 9">
              <a:extLst>
                <a:ext uri="{FF2B5EF4-FFF2-40B4-BE49-F238E27FC236}">
                  <a16:creationId xmlns:a16="http://schemas.microsoft.com/office/drawing/2014/main" id="{1B9576AF-CB9A-45FA-F4FA-AEB145894B97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p:blipFill>
          <p:spPr>
            <a:xfrm rot="16200000">
              <a:off x="10820372" y="1723076"/>
              <a:ext cx="884442" cy="160305"/>
            </a:xfrm>
            <a:prstGeom prst="rect">
              <a:avLst/>
            </a:prstGeom>
          </p:spPr>
        </p:pic>
        <p:pic>
          <p:nvPicPr>
            <p:cNvPr id="12" name="Graphic 11">
              <a:extLst>
                <a:ext uri="{FF2B5EF4-FFF2-40B4-BE49-F238E27FC236}">
                  <a16:creationId xmlns:a16="http://schemas.microsoft.com/office/drawing/2014/main" id="{EC31E472-6A42-4987-38E6-F8C7BE49D5DE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p:blipFill>
          <p:spPr>
            <a:xfrm rot="16200000">
              <a:off x="10972772" y="1875476"/>
              <a:ext cx="884442" cy="160305"/>
            </a:xfrm>
            <a:prstGeom prst="rect">
              <a:avLst/>
            </a:prstGeom>
          </p:spPr>
        </p:pic>
      </p:grpSp>
      <p:sp>
        <p:nvSpPr>
          <p:cNvPr id="15" name="Title 1">
            <a:extLst>
              <a:ext uri="{FF2B5EF4-FFF2-40B4-BE49-F238E27FC236}">
                <a16:creationId xmlns:a16="http://schemas.microsoft.com/office/drawing/2014/main" id="{D645FE0E-B2F7-C4A5-3A22-3023F5C0C14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6900" y="542925"/>
            <a:ext cx="10515600" cy="676275"/>
          </a:xfrm>
        </p:spPr>
        <p:txBody>
          <a:bodyPr>
            <a:normAutofit/>
          </a:bodyPr>
          <a:lstStyle>
            <a:lvl1pPr>
              <a:defRPr sz="2400">
                <a:solidFill>
                  <a:schemeClr val="tx1">
                    <a:lumMod val="85000"/>
                    <a:lumOff val="15000"/>
                  </a:schemeClr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B4F38999-1FE5-F23F-72EA-D25058B703AD}"/>
              </a:ext>
            </a:extLst>
          </p:cNvPr>
          <p:cNvCxnSpPr>
            <a:cxnSpLocks/>
          </p:cNvCxnSpPr>
          <p:nvPr userDrawn="1"/>
        </p:nvCxnSpPr>
        <p:spPr>
          <a:xfrm>
            <a:off x="717549" y="1221317"/>
            <a:ext cx="701674" cy="0"/>
          </a:xfrm>
          <a:prstGeom prst="line">
            <a:avLst/>
          </a:prstGeom>
          <a:ln w="28575" cap="rnd">
            <a:solidFill>
              <a:srgbClr val="42B8FB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7" name="Slide Number Placeholder 5">
            <a:extLst>
              <a:ext uri="{FF2B5EF4-FFF2-40B4-BE49-F238E27FC236}">
                <a16:creationId xmlns:a16="http://schemas.microsoft.com/office/drawing/2014/main" id="{6AC94716-22DD-296D-AE28-9AA79F661FBF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rgbClr val="0079C2"/>
                </a:solidFill>
                <a:latin typeface="Effra Pro bold" panose="020B0803020203020204" pitchFamily="34" charset="0"/>
                <a:ea typeface="Roboto light" panose="02000000000000000000" pitchFamily="2" charset="0"/>
                <a:cs typeface="Roboto light" panose="02000000000000000000" pitchFamily="2" charset="0"/>
              </a:rPr>
              <a:pPr algn="r"/>
              <a:t>‹#›</a:t>
            </a:fld>
            <a:endParaRPr lang="en-US" sz="1400">
              <a:solidFill>
                <a:schemeClr val="tx1">
                  <a:lumMod val="75000"/>
                  <a:lumOff val="25000"/>
                </a:schemeClr>
              </a:solidFill>
              <a:latin typeface="Effra Pro 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cxnSp>
        <p:nvCxnSpPr>
          <p:cNvPr id="18" name="Straight Connector 17">
            <a:extLst>
              <a:ext uri="{FF2B5EF4-FFF2-40B4-BE49-F238E27FC236}">
                <a16:creationId xmlns:a16="http://schemas.microsoft.com/office/drawing/2014/main" id="{ED0A065E-0C59-3F20-D89F-E16AA226662A}"/>
              </a:ext>
            </a:extLst>
          </p:cNvPr>
          <p:cNvCxnSpPr>
            <a:cxnSpLocks/>
          </p:cNvCxnSpPr>
          <p:nvPr userDrawn="1"/>
        </p:nvCxnSpPr>
        <p:spPr>
          <a:xfrm>
            <a:off x="5451034" y="6113047"/>
            <a:ext cx="5403235" cy="0"/>
          </a:xfrm>
          <a:prstGeom prst="line">
            <a:avLst/>
          </a:prstGeom>
          <a:ln w="3175">
            <a:solidFill>
              <a:srgbClr val="0079C2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0" name="Graphic 19">
            <a:extLst>
              <a:ext uri="{FF2B5EF4-FFF2-40B4-BE49-F238E27FC236}">
                <a16:creationId xmlns:a16="http://schemas.microsoft.com/office/drawing/2014/main" id="{1E9B8755-8AE2-4C6B-538F-C933CE1A82CC}"/>
              </a:ext>
            </a:extLst>
          </p:cNvPr>
          <p:cNvPicPr>
            <a:picLocks noChangeAspect="1"/>
          </p:cNvPicPr>
          <p:nvPr userDrawn="1"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695325" y="6045500"/>
            <a:ext cx="723898" cy="13509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5452826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8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 descr="A white and grey background&#10;&#10;Description automatically generated">
            <a:extLst>
              <a:ext uri="{FF2B5EF4-FFF2-40B4-BE49-F238E27FC236}">
                <a16:creationId xmlns:a16="http://schemas.microsoft.com/office/drawing/2014/main" id="{28774079-AFFE-E65F-36BB-F303F134A7E9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alphaModFix amt="70000"/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741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514CCB29-1974-C322-8B8C-68061B8F4DDB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2715180" y="5008293"/>
            <a:ext cx="884442" cy="160305"/>
          </a:xfrm>
          <a:prstGeom prst="rect">
            <a:avLst/>
          </a:prstGeom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1A9C812C-EF6B-33A4-869B-98439F123773}"/>
              </a:ext>
            </a:extLst>
          </p:cNvPr>
          <p:cNvGrpSpPr/>
          <p:nvPr userDrawn="1"/>
        </p:nvGrpSpPr>
        <p:grpSpPr>
          <a:xfrm>
            <a:off x="11182440" y="703262"/>
            <a:ext cx="312705" cy="1036842"/>
            <a:chOff x="11182440" y="1361008"/>
            <a:chExt cx="312705" cy="1036842"/>
          </a:xfrm>
        </p:grpSpPr>
        <p:pic>
          <p:nvPicPr>
            <p:cNvPr id="10" name="Graphic 9">
              <a:extLst>
                <a:ext uri="{FF2B5EF4-FFF2-40B4-BE49-F238E27FC236}">
                  <a16:creationId xmlns:a16="http://schemas.microsoft.com/office/drawing/2014/main" id="{1B9576AF-CB9A-45FA-F4FA-AEB145894B97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p:blipFill>
          <p:spPr>
            <a:xfrm rot="16200000">
              <a:off x="10820372" y="1723076"/>
              <a:ext cx="884442" cy="160305"/>
            </a:xfrm>
            <a:prstGeom prst="rect">
              <a:avLst/>
            </a:prstGeom>
          </p:spPr>
        </p:pic>
        <p:pic>
          <p:nvPicPr>
            <p:cNvPr id="12" name="Graphic 11">
              <a:extLst>
                <a:ext uri="{FF2B5EF4-FFF2-40B4-BE49-F238E27FC236}">
                  <a16:creationId xmlns:a16="http://schemas.microsoft.com/office/drawing/2014/main" id="{EC31E472-6A42-4987-38E6-F8C7BE49D5DE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p:blipFill>
          <p:spPr>
            <a:xfrm rot="16200000">
              <a:off x="10972772" y="1875476"/>
              <a:ext cx="884442" cy="160305"/>
            </a:xfrm>
            <a:prstGeom prst="rect">
              <a:avLst/>
            </a:prstGeom>
          </p:spPr>
        </p:pic>
      </p:grpSp>
      <p:sp>
        <p:nvSpPr>
          <p:cNvPr id="15" name="Title 1">
            <a:extLst>
              <a:ext uri="{FF2B5EF4-FFF2-40B4-BE49-F238E27FC236}">
                <a16:creationId xmlns:a16="http://schemas.microsoft.com/office/drawing/2014/main" id="{D645FE0E-B2F7-C4A5-3A22-3023F5C0C14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6900" y="542925"/>
            <a:ext cx="10515600" cy="676275"/>
          </a:xfrm>
        </p:spPr>
        <p:txBody>
          <a:bodyPr>
            <a:normAutofit/>
          </a:bodyPr>
          <a:lstStyle>
            <a:lvl1pPr>
              <a:defRPr sz="2400">
                <a:solidFill>
                  <a:schemeClr val="tx1">
                    <a:lumMod val="85000"/>
                    <a:lumOff val="15000"/>
                  </a:schemeClr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B4F38999-1FE5-F23F-72EA-D25058B703AD}"/>
              </a:ext>
            </a:extLst>
          </p:cNvPr>
          <p:cNvCxnSpPr>
            <a:cxnSpLocks/>
          </p:cNvCxnSpPr>
          <p:nvPr userDrawn="1"/>
        </p:nvCxnSpPr>
        <p:spPr>
          <a:xfrm>
            <a:off x="717549" y="545042"/>
            <a:ext cx="701674" cy="0"/>
          </a:xfrm>
          <a:prstGeom prst="line">
            <a:avLst/>
          </a:prstGeom>
          <a:ln w="28575" cap="rnd">
            <a:solidFill>
              <a:srgbClr val="F64A4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7" name="Slide Number Placeholder 5">
            <a:extLst>
              <a:ext uri="{FF2B5EF4-FFF2-40B4-BE49-F238E27FC236}">
                <a16:creationId xmlns:a16="http://schemas.microsoft.com/office/drawing/2014/main" id="{6AC94716-22DD-296D-AE28-9AA79F661FBF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rgbClr val="0079C2"/>
                </a:solidFill>
                <a:latin typeface="Effra Pro bold" panose="020B0803020203020204" pitchFamily="34" charset="0"/>
                <a:ea typeface="Roboto light" panose="02000000000000000000" pitchFamily="2" charset="0"/>
                <a:cs typeface="Roboto light" panose="02000000000000000000" pitchFamily="2" charset="0"/>
              </a:rPr>
              <a:pPr algn="r"/>
              <a:t>‹#›</a:t>
            </a:fld>
            <a:endParaRPr lang="en-US" sz="1400">
              <a:solidFill>
                <a:schemeClr val="tx1">
                  <a:lumMod val="75000"/>
                  <a:lumOff val="25000"/>
                </a:schemeClr>
              </a:solidFill>
              <a:latin typeface="Effra Pro 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pic>
        <p:nvPicPr>
          <p:cNvPr id="20" name="Graphic 19">
            <a:extLst>
              <a:ext uri="{FF2B5EF4-FFF2-40B4-BE49-F238E27FC236}">
                <a16:creationId xmlns:a16="http://schemas.microsoft.com/office/drawing/2014/main" id="{1E9B8755-8AE2-4C6B-538F-C933CE1A82CC}"/>
              </a:ext>
            </a:extLst>
          </p:cNvPr>
          <p:cNvPicPr>
            <a:picLocks noChangeAspect="1"/>
          </p:cNvPicPr>
          <p:nvPr userDrawn="1"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695325" y="6045500"/>
            <a:ext cx="723898" cy="135094"/>
          </a:xfrm>
          <a:prstGeom prst="rect">
            <a:avLst/>
          </a:prstGeom>
        </p:spPr>
      </p:pic>
      <p:sp>
        <p:nvSpPr>
          <p:cNvPr id="3" name="Rectangle 2">
            <a:extLst>
              <a:ext uri="{FF2B5EF4-FFF2-40B4-BE49-F238E27FC236}">
                <a16:creationId xmlns:a16="http://schemas.microsoft.com/office/drawing/2014/main" id="{A80CEABF-C5C0-C591-5305-52A249385B67}"/>
              </a:ext>
            </a:extLst>
          </p:cNvPr>
          <p:cNvSpPr/>
          <p:nvPr userDrawn="1"/>
        </p:nvSpPr>
        <p:spPr>
          <a:xfrm>
            <a:off x="6537370" y="1"/>
            <a:ext cx="5689600" cy="6857999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4" name="Picture 3" descr="A black background with white lines&#10;&#10;Description automatically generated">
            <a:extLst>
              <a:ext uri="{FF2B5EF4-FFF2-40B4-BE49-F238E27FC236}">
                <a16:creationId xmlns:a16="http://schemas.microsoft.com/office/drawing/2014/main" id="{496AD490-3D5D-D1E3-2A7B-64D43C7B9EBF}"/>
              </a:ext>
            </a:extLst>
          </p:cNvPr>
          <p:cNvPicPr>
            <a:picLocks noChangeAspect="1"/>
          </p:cNvPicPr>
          <p:nvPr userDrawn="1"/>
        </p:nvPicPr>
        <p:blipFill>
          <a:blip r:embed="rId10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560846" y="46674"/>
            <a:ext cx="5689600" cy="6811326"/>
          </a:xfrm>
          <a:prstGeom prst="rect">
            <a:avLst/>
          </a:prstGeom>
        </p:spPr>
      </p:pic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49E1408A-68BE-6391-DDE4-70067121010A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chemeClr val="bg1"/>
                </a:solidFill>
                <a:latin typeface="Effra Pro bold" panose="020B0803020203020204" pitchFamily="34" charset="0"/>
                <a:ea typeface="Roboto light" panose="02000000000000000000" pitchFamily="2" charset="0"/>
                <a:cs typeface="Roboto light" panose="02000000000000000000" pitchFamily="2" charset="0"/>
              </a:rPr>
              <a:pPr algn="r"/>
              <a:t>‹#›</a:t>
            </a:fld>
            <a:endParaRPr lang="en-US" sz="1400">
              <a:solidFill>
                <a:schemeClr val="bg1"/>
              </a:solidFill>
              <a:latin typeface="Effra Pro 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5976047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E8990C1-0CAB-CBCC-C3B3-C6E130BEB24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7C34B361-BD16-55BD-3DBF-74FDDC1412D3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AF13AE72-A754-EA76-D285-F4839B2E84C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E0845ED-BCF8-4B89-3EEF-77622DE9473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55A97DD-A0FE-9B67-6E4A-5E5219DF0C9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4278839335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1AB9CB9-CFCF-226C-AEE9-26E8086AD10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3DCE6F7-87A2-E512-B321-993B37071EC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0CDEF942-9CDD-8932-2943-1AC08B3649E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FC55575-4CB5-A706-8C65-B4BAC242276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D55E705A-39BE-CAB3-DFF7-7D25DECC864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716229332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4122AC5-911B-E78E-007F-CC610A5FBDD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CD140B9F-3194-E4AD-C76A-9C092688562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12BC83DB-333B-3887-FE96-296BA4B34943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062BC07-2BE1-46A2-4ACD-A426082C43E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4418F7B8-E7A1-7D60-DE29-79861EB1BA9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B94BBE8-B4FF-8AA9-D29A-885C3D78F4D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231907102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1" name="Picture 30" descr="A white and grey background&#10;&#10;Description automatically generated">
            <a:extLst>
              <a:ext uri="{FF2B5EF4-FFF2-40B4-BE49-F238E27FC236}">
                <a16:creationId xmlns:a16="http://schemas.microsoft.com/office/drawing/2014/main" id="{1ADE306C-948B-D630-2FC8-F1D135B6DBCB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741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B655AAB4-F524-4EEC-11A0-D70C06101D48}"/>
              </a:ext>
            </a:extLst>
          </p:cNvPr>
          <p:cNvCxnSpPr>
            <a:cxnSpLocks/>
          </p:cNvCxnSpPr>
          <p:nvPr userDrawn="1"/>
        </p:nvCxnSpPr>
        <p:spPr>
          <a:xfrm>
            <a:off x="720726" y="1278467"/>
            <a:ext cx="701674" cy="0"/>
          </a:xfrm>
          <a:prstGeom prst="line">
            <a:avLst/>
          </a:prstGeom>
          <a:ln/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19" name="Isosceles Triangle 18">
            <a:extLst>
              <a:ext uri="{FF2B5EF4-FFF2-40B4-BE49-F238E27FC236}">
                <a16:creationId xmlns:a16="http://schemas.microsoft.com/office/drawing/2014/main" id="{E527CB47-7B8E-745E-51E3-476544F238C6}"/>
              </a:ext>
            </a:extLst>
          </p:cNvPr>
          <p:cNvSpPr/>
          <p:nvPr userDrawn="1"/>
        </p:nvSpPr>
        <p:spPr>
          <a:xfrm rot="5400000">
            <a:off x="-695190" y="1830732"/>
            <a:ext cx="3161477" cy="1791244"/>
          </a:xfrm>
          <a:prstGeom prst="triangle">
            <a:avLst>
              <a:gd name="adj" fmla="val 50209"/>
            </a:avLst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20" name="Isosceles Triangle 19">
            <a:extLst>
              <a:ext uri="{FF2B5EF4-FFF2-40B4-BE49-F238E27FC236}">
                <a16:creationId xmlns:a16="http://schemas.microsoft.com/office/drawing/2014/main" id="{148391B8-7856-6B09-5BEE-A60A31B4F6B1}"/>
              </a:ext>
            </a:extLst>
          </p:cNvPr>
          <p:cNvSpPr/>
          <p:nvPr userDrawn="1"/>
        </p:nvSpPr>
        <p:spPr>
          <a:xfrm rot="2700000">
            <a:off x="10190324" y="-232038"/>
            <a:ext cx="2972448" cy="1498552"/>
          </a:xfrm>
          <a:prstGeom prst="triangle">
            <a:avLst>
              <a:gd name="adj" fmla="val 50000"/>
            </a:avLst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21" name="Graphic 20">
            <a:extLst>
              <a:ext uri="{FF2B5EF4-FFF2-40B4-BE49-F238E27FC236}">
                <a16:creationId xmlns:a16="http://schemas.microsoft.com/office/drawing/2014/main" id="{0129CDC3-41E4-297E-B8DD-842C49D7A643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10136741" y="692151"/>
            <a:ext cx="1359934" cy="1359934"/>
          </a:xfrm>
          <a:prstGeom prst="rect">
            <a:avLst/>
          </a:prstGeom>
        </p:spPr>
      </p:pic>
      <p:pic>
        <p:nvPicPr>
          <p:cNvPr id="26" name="Graphic 25">
            <a:extLst>
              <a:ext uri="{FF2B5EF4-FFF2-40B4-BE49-F238E27FC236}">
                <a16:creationId xmlns:a16="http://schemas.microsoft.com/office/drawing/2014/main" id="{B15D3BD9-C3D3-30D7-4E02-D3C3BB897EC4}"/>
              </a:ext>
            </a:extLst>
          </p:cNvPr>
          <p:cNvPicPr>
            <a:picLocks noChangeAspect="1"/>
          </p:cNvPicPr>
          <p:nvPr userDrawn="1"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2715180" y="5008293"/>
            <a:ext cx="884442" cy="160305"/>
          </a:xfrm>
          <a:prstGeom prst="rect">
            <a:avLst/>
          </a:prstGeom>
        </p:spPr>
      </p:pic>
      <p:pic>
        <p:nvPicPr>
          <p:cNvPr id="28" name="Graphic 27">
            <a:extLst>
              <a:ext uri="{FF2B5EF4-FFF2-40B4-BE49-F238E27FC236}">
                <a16:creationId xmlns:a16="http://schemas.microsoft.com/office/drawing/2014/main" id="{DEA3C02A-0527-D459-66D2-75395F05425E}"/>
              </a:ext>
            </a:extLst>
          </p:cNvPr>
          <p:cNvPicPr>
            <a:picLocks noChangeAspect="1"/>
          </p:cNvPicPr>
          <p:nvPr userDrawn="1"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112500" y="3225796"/>
            <a:ext cx="399324" cy="399324"/>
          </a:xfrm>
          <a:prstGeom prst="rect">
            <a:avLst/>
          </a:prstGeom>
        </p:spPr>
      </p:pic>
      <p:cxnSp>
        <p:nvCxnSpPr>
          <p:cNvPr id="2" name="Straight Connector 1">
            <a:extLst>
              <a:ext uri="{FF2B5EF4-FFF2-40B4-BE49-F238E27FC236}">
                <a16:creationId xmlns:a16="http://schemas.microsoft.com/office/drawing/2014/main" id="{36B95EEA-0166-3BB6-4A38-F2E47FCF9D2D}"/>
              </a:ext>
            </a:extLst>
          </p:cNvPr>
          <p:cNvCxnSpPr>
            <a:cxnSpLocks/>
          </p:cNvCxnSpPr>
          <p:nvPr userDrawn="1"/>
        </p:nvCxnSpPr>
        <p:spPr>
          <a:xfrm>
            <a:off x="5451034" y="6113047"/>
            <a:ext cx="5403235" cy="0"/>
          </a:xfrm>
          <a:prstGeom prst="line">
            <a:avLst/>
          </a:prstGeom>
          <a:ln w="3175">
            <a:solidFill>
              <a:srgbClr val="0079C2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4" name="Graphic 3">
            <a:extLst>
              <a:ext uri="{FF2B5EF4-FFF2-40B4-BE49-F238E27FC236}">
                <a16:creationId xmlns:a16="http://schemas.microsoft.com/office/drawing/2014/main" id="{63A95B98-1464-48B1-E571-FFAE6DDA41D5}"/>
              </a:ext>
            </a:extLst>
          </p:cNvPr>
          <p:cNvPicPr>
            <a:picLocks noChangeAspect="1"/>
          </p:cNvPicPr>
          <p:nvPr userDrawn="1"/>
        </p:nvPicPr>
        <p:blipFill>
          <a:blip r:embed="rId9">
            <a:extLs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695325" y="6045500"/>
            <a:ext cx="723898" cy="135094"/>
          </a:xfrm>
          <a:prstGeom prst="rect">
            <a:avLst/>
          </a:prstGeom>
        </p:spPr>
      </p:pic>
      <p:sp>
        <p:nvSpPr>
          <p:cNvPr id="5" name="Slide Number Placeholder 5">
            <a:extLst>
              <a:ext uri="{FF2B5EF4-FFF2-40B4-BE49-F238E27FC236}">
                <a16:creationId xmlns:a16="http://schemas.microsoft.com/office/drawing/2014/main" id="{D47AFF84-214B-0DB6-221C-7BAFBE9318CB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rgbClr val="0079C2"/>
                </a:solidFill>
                <a:latin typeface="Effra Pro bold" panose="020B0803020203020204" pitchFamily="34" charset="0"/>
                <a:ea typeface="Roboto light" panose="02000000000000000000" pitchFamily="2" charset="0"/>
                <a:cs typeface="Roboto light" panose="02000000000000000000" pitchFamily="2" charset="0"/>
              </a:rPr>
              <a:pPr algn="r"/>
              <a:t>‹#›</a:t>
            </a:fld>
            <a:endParaRPr lang="en-US" sz="1400">
              <a:solidFill>
                <a:schemeClr val="tx1">
                  <a:lumMod val="75000"/>
                  <a:lumOff val="25000"/>
                </a:schemeClr>
              </a:solidFill>
              <a:latin typeface="Effra Pro 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7" name="Title 1">
            <a:extLst>
              <a:ext uri="{FF2B5EF4-FFF2-40B4-BE49-F238E27FC236}">
                <a16:creationId xmlns:a16="http://schemas.microsoft.com/office/drawing/2014/main" id="{4F10B25A-49BF-6F13-0397-6CD602409A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6900" y="542925"/>
            <a:ext cx="10515600" cy="676275"/>
          </a:xfrm>
        </p:spPr>
        <p:txBody>
          <a:bodyPr>
            <a:normAutofit/>
          </a:bodyPr>
          <a:lstStyle>
            <a:lvl1pPr>
              <a:defRPr sz="2400">
                <a:solidFill>
                  <a:schemeClr val="tx1">
                    <a:lumMod val="85000"/>
                    <a:lumOff val="15000"/>
                  </a:schemeClr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08897701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B5559EF-D340-7126-3CF5-BA1002CD876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CF002542-2B80-4810-CF41-E3D26DC12230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742E42A-5023-572C-9F11-4EDD56611C33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97BFF186-5041-FA19-1730-7E3ABA2778D8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823033CB-129B-35AA-ACA5-B47528A34D4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A1F16837-AA71-5D1F-0887-A1B57CE3C84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08194A79-202F-C1AB-C0AD-FE5B1A9090E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4608E94F-F918-4ADF-B7FE-B632941D6F3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1208010851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D4EDE29-7EC9-3CE2-4119-2854037A73C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72CBE615-C058-715D-3F91-8B1C162EDAC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21E8C744-814F-39BF-F26F-AC4A267BBA1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7F789A9B-DDBD-27C2-DC5C-276DB8C8E4C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798305295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1FB8FDA8-0376-8416-1BA2-4C3CB23E21B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0D527CBF-B9A5-D51B-C121-8E292DE3D19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AA1345A8-E747-6C6B-1D02-ED7E35C11E0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992139306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1CE8534-6984-BDEF-9950-880212CAC9C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A324463D-F776-B20A-8D0C-DD6BEB514B25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882A089E-9AC4-E719-BC21-534EF924BE6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95725BD3-5E29-0A4A-E7F8-0F2206BAF4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6BCF5CEE-D35A-0964-4ED2-82D1ABE7A78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6938C83D-4E37-996D-6CD2-2593BF81626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810592638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2F9E289-6E2A-C80D-8452-6EC8082B5A5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FEED363C-ECEF-B2C1-54DD-2787A807BDA3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IN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FCB70333-8180-9D76-F848-F6FF64B29D0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3255A259-F844-9197-566E-A5EA0169498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A8CD52D6-B9A7-1351-E8CF-66E23DE4DD6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F428DED-0007-828F-6ACC-FFCC317373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813247458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AB3C5EB-5A3C-0CC6-DCA3-781CD0D95D7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0D19FD0C-8965-DDD7-B01A-CA3ED4DA2B9B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86C8AD92-6070-AFCB-3C02-34078FFD8CD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3E9CBAE-E5F4-7A23-F88D-704BDCA3494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2156A6B-18C7-E10E-67A6-34095B717FF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4035368048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6C4FBD7E-8D71-CF71-2EB9-0C15773B0611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D25809A2-E7C8-9D78-3B0E-CF0929F3D430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C679188-E885-CCDA-0A72-BE623C45F15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71395B3-0089-1CBF-120A-827028C3AEB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CC7E6BFF-382F-FED6-4B5B-825D3BFFB0B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277861387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2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1">
            <a:extLst>
              <a:ext uri="{FF2B5EF4-FFF2-40B4-BE49-F238E27FC236}">
                <a16:creationId xmlns:a16="http://schemas.microsoft.com/office/drawing/2014/main" id="{1817E5F4-2299-571B-FA4F-40CDF73F535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6900" y="542925"/>
            <a:ext cx="10515600" cy="676275"/>
          </a:xfrm>
        </p:spPr>
        <p:txBody>
          <a:bodyPr>
            <a:normAutofit/>
          </a:bodyPr>
          <a:lstStyle>
            <a:lvl1pPr>
              <a:defRPr sz="2400">
                <a:solidFill>
                  <a:schemeClr val="tx1">
                    <a:lumMod val="85000"/>
                    <a:lumOff val="15000"/>
                  </a:schemeClr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pic>
        <p:nvPicPr>
          <p:cNvPr id="21" name="Graphic 20">
            <a:extLst>
              <a:ext uri="{FF2B5EF4-FFF2-40B4-BE49-F238E27FC236}">
                <a16:creationId xmlns:a16="http://schemas.microsoft.com/office/drawing/2014/main" id="{0129CDC3-41E4-297E-B8DD-842C49D7A643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10275294" y="1428261"/>
            <a:ext cx="468905" cy="468905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6A8A080F-E018-2914-DFE8-B0E877493751}"/>
              </a:ext>
            </a:extLst>
          </p:cNvPr>
          <p:cNvPicPr>
            <a:picLocks noChangeAspect="1"/>
          </p:cNvPicPr>
          <p:nvPr userDrawn="1"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695325" y="6045500"/>
            <a:ext cx="723898" cy="135094"/>
          </a:xfrm>
          <a:prstGeom prst="rect">
            <a:avLst/>
          </a:prstGeom>
        </p:spPr>
      </p:pic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CC20C56E-2D11-98B5-B141-298224E6751D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chemeClr val="tx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pPr algn="r"/>
              <a:t>‹#›</a:t>
            </a:fld>
            <a:endParaRPr lang="en-US" sz="1400">
              <a:solidFill>
                <a:schemeClr val="tx1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</p:txBody>
      </p:sp>
      <p:sp>
        <p:nvSpPr>
          <p:cNvPr id="9" name="Rectangle 8">
            <a:extLst>
              <a:ext uri="{FF2B5EF4-FFF2-40B4-BE49-F238E27FC236}">
                <a16:creationId xmlns:a16="http://schemas.microsoft.com/office/drawing/2014/main" id="{330A638A-7BF1-4FAD-B529-261A31386A51}"/>
              </a:ext>
            </a:extLst>
          </p:cNvPr>
          <p:cNvSpPr/>
          <p:nvPr userDrawn="1"/>
        </p:nvSpPr>
        <p:spPr>
          <a:xfrm>
            <a:off x="10744200" y="0"/>
            <a:ext cx="1447800" cy="1447800"/>
          </a:xfrm>
          <a:prstGeom prst="rect">
            <a:avLst/>
          </a:prstGeom>
          <a:solidFill>
            <a:srgbClr val="F64A4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BCD37201-8561-46BD-A251-48C3E2381AF3}"/>
              </a:ext>
            </a:extLst>
          </p:cNvPr>
          <p:cNvSpPr/>
          <p:nvPr userDrawn="1"/>
        </p:nvSpPr>
        <p:spPr>
          <a:xfrm>
            <a:off x="703434" y="596260"/>
            <a:ext cx="684000" cy="36000"/>
          </a:xfrm>
          <a:prstGeom prst="rect">
            <a:avLst/>
          </a:prstGeom>
          <a:solidFill>
            <a:srgbClr val="F64A4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023070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6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006820DF-DF40-610A-9322-66697F68612E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saturation sat="0"/>
                    </a14:imgEffect>
                  </a14:imgLayer>
                </a14:imgProps>
              </a:ext>
            </a:extLst>
          </a:blip>
          <a:srcRect l="37984"/>
          <a:stretch/>
        </p:blipFill>
        <p:spPr>
          <a:xfrm>
            <a:off x="6096000" y="0"/>
            <a:ext cx="6096000" cy="6858000"/>
          </a:xfrm>
          <a:prstGeom prst="rect">
            <a:avLst/>
          </a:prstGeom>
        </p:spPr>
      </p:pic>
      <p:sp>
        <p:nvSpPr>
          <p:cNvPr id="6" name="Title 1">
            <a:extLst>
              <a:ext uri="{FF2B5EF4-FFF2-40B4-BE49-F238E27FC236}">
                <a16:creationId xmlns:a16="http://schemas.microsoft.com/office/drawing/2014/main" id="{1817E5F4-2299-571B-FA4F-40CDF73F535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6900" y="542925"/>
            <a:ext cx="10515600" cy="676275"/>
          </a:xfrm>
        </p:spPr>
        <p:txBody>
          <a:bodyPr>
            <a:normAutofit/>
          </a:bodyPr>
          <a:lstStyle>
            <a:lvl1pPr>
              <a:defRPr sz="2400">
                <a:solidFill>
                  <a:schemeClr val="tx1">
                    <a:lumMod val="85000"/>
                    <a:lumOff val="15000"/>
                  </a:schemeClr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pic>
        <p:nvPicPr>
          <p:cNvPr id="21" name="Graphic 20">
            <a:extLst>
              <a:ext uri="{FF2B5EF4-FFF2-40B4-BE49-F238E27FC236}">
                <a16:creationId xmlns:a16="http://schemas.microsoft.com/office/drawing/2014/main" id="{0129CDC3-41E4-297E-B8DD-842C49D7A643}"/>
              </a:ext>
            </a:extLst>
          </p:cNvPr>
          <p:cNvPicPr>
            <a:picLocks noChangeAspect="1"/>
          </p:cNvPicPr>
          <p:nvPr userDrawn="1"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0275294" y="1428261"/>
            <a:ext cx="468905" cy="468905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6A8A080F-E018-2914-DFE8-B0E877493751}"/>
              </a:ext>
            </a:extLst>
          </p:cNvPr>
          <p:cNvPicPr>
            <a:picLocks noChangeAspect="1"/>
          </p:cNvPicPr>
          <p:nvPr userDrawn="1"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695325" y="6045500"/>
            <a:ext cx="723898" cy="135094"/>
          </a:xfrm>
          <a:prstGeom prst="rect">
            <a:avLst/>
          </a:prstGeom>
        </p:spPr>
      </p:pic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CC20C56E-2D11-98B5-B141-298224E6751D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chemeClr val="tx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pPr algn="r"/>
              <a:t>‹#›</a:t>
            </a:fld>
            <a:endParaRPr lang="en-US" sz="1400">
              <a:solidFill>
                <a:schemeClr val="tx1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</p:txBody>
      </p:sp>
      <p:sp>
        <p:nvSpPr>
          <p:cNvPr id="9" name="Rectangle 8">
            <a:extLst>
              <a:ext uri="{FF2B5EF4-FFF2-40B4-BE49-F238E27FC236}">
                <a16:creationId xmlns:a16="http://schemas.microsoft.com/office/drawing/2014/main" id="{330A638A-7BF1-4FAD-B529-261A31386A51}"/>
              </a:ext>
            </a:extLst>
          </p:cNvPr>
          <p:cNvSpPr/>
          <p:nvPr userDrawn="1"/>
        </p:nvSpPr>
        <p:spPr>
          <a:xfrm>
            <a:off x="10744200" y="0"/>
            <a:ext cx="1447800" cy="1447800"/>
          </a:xfrm>
          <a:prstGeom prst="rect">
            <a:avLst/>
          </a:prstGeom>
          <a:solidFill>
            <a:srgbClr val="F64A4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74B87FA2-21D0-4DC4-AD2C-DA0C338755F6}"/>
              </a:ext>
            </a:extLst>
          </p:cNvPr>
          <p:cNvSpPr/>
          <p:nvPr userDrawn="1"/>
        </p:nvSpPr>
        <p:spPr>
          <a:xfrm>
            <a:off x="703434" y="596260"/>
            <a:ext cx="684000" cy="36000"/>
          </a:xfrm>
          <a:prstGeom prst="rect">
            <a:avLst/>
          </a:prstGeom>
          <a:solidFill>
            <a:srgbClr val="F64A4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837957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5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5A93D396-9098-A084-1D9C-AFB5E47028A4}"/>
              </a:ext>
            </a:extLst>
          </p:cNvPr>
          <p:cNvSpPr/>
          <p:nvPr userDrawn="1"/>
        </p:nvSpPr>
        <p:spPr>
          <a:xfrm>
            <a:off x="0" y="5555849"/>
            <a:ext cx="12192000" cy="1302151"/>
          </a:xfrm>
          <a:prstGeom prst="rect">
            <a:avLst/>
          </a:prstGeom>
          <a:solidFill>
            <a:schemeClr val="tx1">
              <a:lumMod val="65000"/>
              <a:lumOff val="3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6" name="Title 1">
            <a:extLst>
              <a:ext uri="{FF2B5EF4-FFF2-40B4-BE49-F238E27FC236}">
                <a16:creationId xmlns:a16="http://schemas.microsoft.com/office/drawing/2014/main" id="{1817E5F4-2299-571B-FA4F-40CDF73F535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6900" y="542925"/>
            <a:ext cx="10515600" cy="676275"/>
          </a:xfrm>
        </p:spPr>
        <p:txBody>
          <a:bodyPr>
            <a:normAutofit/>
          </a:bodyPr>
          <a:lstStyle>
            <a:lvl1pPr>
              <a:defRPr sz="2400">
                <a:solidFill>
                  <a:schemeClr val="tx1">
                    <a:lumMod val="85000"/>
                    <a:lumOff val="15000"/>
                  </a:schemeClr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B655AAB4-F524-4EEC-11A0-D70C06101D48}"/>
              </a:ext>
            </a:extLst>
          </p:cNvPr>
          <p:cNvCxnSpPr>
            <a:cxnSpLocks/>
          </p:cNvCxnSpPr>
          <p:nvPr userDrawn="1"/>
        </p:nvCxnSpPr>
        <p:spPr>
          <a:xfrm>
            <a:off x="717549" y="1221317"/>
            <a:ext cx="701674" cy="0"/>
          </a:xfrm>
          <a:prstGeom prst="line">
            <a:avLst/>
          </a:prstGeom>
          <a:ln w="28575" cap="rnd">
            <a:solidFill>
              <a:srgbClr val="42B8FB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Isosceles Triangle 19">
            <a:extLst>
              <a:ext uri="{FF2B5EF4-FFF2-40B4-BE49-F238E27FC236}">
                <a16:creationId xmlns:a16="http://schemas.microsoft.com/office/drawing/2014/main" id="{148391B8-7856-6B09-5BEE-A60A31B4F6B1}"/>
              </a:ext>
            </a:extLst>
          </p:cNvPr>
          <p:cNvSpPr/>
          <p:nvPr userDrawn="1"/>
        </p:nvSpPr>
        <p:spPr>
          <a:xfrm rot="2700000">
            <a:off x="10190324" y="-232038"/>
            <a:ext cx="2972448" cy="1498552"/>
          </a:xfrm>
          <a:prstGeom prst="triangle">
            <a:avLst>
              <a:gd name="adj" fmla="val 50000"/>
            </a:avLst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21" name="Graphic 20">
            <a:extLst>
              <a:ext uri="{FF2B5EF4-FFF2-40B4-BE49-F238E27FC236}">
                <a16:creationId xmlns:a16="http://schemas.microsoft.com/office/drawing/2014/main" id="{0129CDC3-41E4-297E-B8DD-842C49D7A643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0136741" y="692151"/>
            <a:ext cx="1359934" cy="1359934"/>
          </a:xfrm>
          <a:prstGeom prst="rect">
            <a:avLst/>
          </a:prstGeom>
        </p:spPr>
      </p:pic>
      <p:cxnSp>
        <p:nvCxnSpPr>
          <p:cNvPr id="5" name="Straight Connector 4">
            <a:extLst>
              <a:ext uri="{FF2B5EF4-FFF2-40B4-BE49-F238E27FC236}">
                <a16:creationId xmlns:a16="http://schemas.microsoft.com/office/drawing/2014/main" id="{38CD65BF-A5CC-FD3C-D558-F6DA8B98A506}"/>
              </a:ext>
            </a:extLst>
          </p:cNvPr>
          <p:cNvCxnSpPr>
            <a:cxnSpLocks/>
          </p:cNvCxnSpPr>
          <p:nvPr userDrawn="1"/>
        </p:nvCxnSpPr>
        <p:spPr>
          <a:xfrm>
            <a:off x="5451034" y="6113047"/>
            <a:ext cx="5403235" cy="0"/>
          </a:xfrm>
          <a:prstGeom prst="line">
            <a:avLst/>
          </a:prstGeom>
          <a:ln w="3175">
            <a:solidFill>
              <a:schemeClr val="bg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7" name="Graphic 6">
            <a:extLst>
              <a:ext uri="{FF2B5EF4-FFF2-40B4-BE49-F238E27FC236}">
                <a16:creationId xmlns:a16="http://schemas.microsoft.com/office/drawing/2014/main" id="{6A8A080F-E018-2914-DFE8-B0E877493751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695325" y="6045500"/>
            <a:ext cx="723898" cy="135094"/>
          </a:xfrm>
          <a:prstGeom prst="rect">
            <a:avLst/>
          </a:prstGeom>
        </p:spPr>
      </p:pic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CC20C56E-2D11-98B5-B141-298224E6751D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  <a:noFill/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pPr algn="r"/>
              <a:t>‹#›</a:t>
            </a:fld>
            <a:endParaRPr lang="en-US" sz="1400">
              <a:solidFill>
                <a:schemeClr val="bg1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27905170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4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1">
            <a:extLst>
              <a:ext uri="{FF2B5EF4-FFF2-40B4-BE49-F238E27FC236}">
                <a16:creationId xmlns:a16="http://schemas.microsoft.com/office/drawing/2014/main" id="{1817E5F4-2299-571B-FA4F-40CDF73F535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6900" y="542925"/>
            <a:ext cx="10515600" cy="676275"/>
          </a:xfrm>
        </p:spPr>
        <p:txBody>
          <a:bodyPr>
            <a:normAutofit/>
          </a:bodyPr>
          <a:lstStyle>
            <a:lvl1pPr>
              <a:defRPr sz="2400">
                <a:solidFill>
                  <a:schemeClr val="tx1">
                    <a:lumMod val="85000"/>
                    <a:lumOff val="15000"/>
                  </a:schemeClr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IN"/>
          </a:p>
        </p:txBody>
      </p: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B655AAB4-F524-4EEC-11A0-D70C06101D48}"/>
              </a:ext>
            </a:extLst>
          </p:cNvPr>
          <p:cNvCxnSpPr>
            <a:cxnSpLocks/>
          </p:cNvCxnSpPr>
          <p:nvPr userDrawn="1"/>
        </p:nvCxnSpPr>
        <p:spPr>
          <a:xfrm>
            <a:off x="717549" y="1221317"/>
            <a:ext cx="701674" cy="0"/>
          </a:xfrm>
          <a:prstGeom prst="line">
            <a:avLst/>
          </a:prstGeom>
          <a:ln/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20" name="Isosceles Triangle 19">
            <a:extLst>
              <a:ext uri="{FF2B5EF4-FFF2-40B4-BE49-F238E27FC236}">
                <a16:creationId xmlns:a16="http://schemas.microsoft.com/office/drawing/2014/main" id="{148391B8-7856-6B09-5BEE-A60A31B4F6B1}"/>
              </a:ext>
            </a:extLst>
          </p:cNvPr>
          <p:cNvSpPr/>
          <p:nvPr userDrawn="1"/>
        </p:nvSpPr>
        <p:spPr>
          <a:xfrm rot="2700000">
            <a:off x="10190324" y="-232038"/>
            <a:ext cx="2972448" cy="1498552"/>
          </a:xfrm>
          <a:prstGeom prst="triangle">
            <a:avLst>
              <a:gd name="adj" fmla="val 50000"/>
            </a:avLst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pic>
        <p:nvPicPr>
          <p:cNvPr id="21" name="Graphic 20">
            <a:extLst>
              <a:ext uri="{FF2B5EF4-FFF2-40B4-BE49-F238E27FC236}">
                <a16:creationId xmlns:a16="http://schemas.microsoft.com/office/drawing/2014/main" id="{0129CDC3-41E4-297E-B8DD-842C49D7A643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0136741" y="692151"/>
            <a:ext cx="1359934" cy="1359934"/>
          </a:xfrm>
          <a:prstGeom prst="rect">
            <a:avLst/>
          </a:prstGeom>
        </p:spPr>
      </p:pic>
      <p:cxnSp>
        <p:nvCxnSpPr>
          <p:cNvPr id="5" name="Straight Connector 4">
            <a:extLst>
              <a:ext uri="{FF2B5EF4-FFF2-40B4-BE49-F238E27FC236}">
                <a16:creationId xmlns:a16="http://schemas.microsoft.com/office/drawing/2014/main" id="{38CD65BF-A5CC-FD3C-D558-F6DA8B98A506}"/>
              </a:ext>
            </a:extLst>
          </p:cNvPr>
          <p:cNvCxnSpPr>
            <a:cxnSpLocks/>
          </p:cNvCxnSpPr>
          <p:nvPr userDrawn="1"/>
        </p:nvCxnSpPr>
        <p:spPr>
          <a:xfrm>
            <a:off x="5451034" y="6113047"/>
            <a:ext cx="5403235" cy="0"/>
          </a:xfrm>
          <a:prstGeom prst="line">
            <a:avLst/>
          </a:prstGeom>
          <a:ln/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pic>
        <p:nvPicPr>
          <p:cNvPr id="7" name="Graphic 6">
            <a:extLst>
              <a:ext uri="{FF2B5EF4-FFF2-40B4-BE49-F238E27FC236}">
                <a16:creationId xmlns:a16="http://schemas.microsoft.com/office/drawing/2014/main" id="{6A8A080F-E018-2914-DFE8-B0E877493751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695325" y="6045500"/>
            <a:ext cx="723898" cy="135094"/>
          </a:xfrm>
          <a:prstGeom prst="rect">
            <a:avLst/>
          </a:prstGeom>
        </p:spPr>
      </p:pic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CC20C56E-2D11-98B5-B141-298224E6751D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chemeClr val="tx1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pPr algn="r"/>
              <a:t>‹#›</a:t>
            </a:fld>
            <a:endParaRPr lang="en-US" sz="1400">
              <a:solidFill>
                <a:schemeClr val="tx1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27473440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3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5">
            <a:extLst>
              <a:ext uri="{FF2B5EF4-FFF2-40B4-BE49-F238E27FC236}">
                <a16:creationId xmlns:a16="http://schemas.microsoft.com/office/drawing/2014/main" id="{3F63BB09-4CCD-48BD-F3C1-CB49C737CE21}"/>
              </a:ext>
            </a:extLst>
          </p:cNvPr>
          <p:cNvSpPr txBox="1">
            <a:spLocks/>
          </p:cNvSpPr>
          <p:nvPr userDrawn="1"/>
        </p:nvSpPr>
        <p:spPr>
          <a:xfrm>
            <a:off x="9306372" y="5930485"/>
            <a:ext cx="2286000" cy="365125"/>
          </a:xfrm>
          <a:prstGeom prst="rect">
            <a:avLst/>
          </a:prstGeom>
        </p:spPr>
        <p:txBody>
          <a:bodyPr anchor="ctr"/>
          <a:lstStyle>
            <a:defPPr>
              <a:defRPr lang="en-US"/>
            </a:defPPr>
            <a:lvl1pPr marL="0" algn="r" defTabSz="914400" rtl="0" eaLnBrk="1" latinLnBrk="0" hangingPunct="1">
              <a:defRPr sz="1200" kern="1200">
                <a:solidFill>
                  <a:schemeClr val="bg1"/>
                </a:solidFill>
                <a:latin typeface="+mj-lt"/>
                <a:ea typeface="Tahoma" pitchFamily="34" charset="0"/>
                <a:cs typeface="Tahoma" pitchFamily="34" charset="0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fld id="{56401666-4A6E-4ACE-A673-0C447E42B71F}" type="slidenum">
              <a:rPr lang="en-US" sz="1400" smtClean="0">
                <a:solidFill>
                  <a:srgbClr val="F64A46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pPr algn="r"/>
              <a:t>‹#›</a:t>
            </a:fld>
            <a:endParaRPr lang="en-US" sz="1400">
              <a:solidFill>
                <a:srgbClr val="F64A46"/>
              </a:solidFill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</p:txBody>
      </p:sp>
      <p:pic>
        <p:nvPicPr>
          <p:cNvPr id="7" name="Graphic 6">
            <a:extLst>
              <a:ext uri="{FF2B5EF4-FFF2-40B4-BE49-F238E27FC236}">
                <a16:creationId xmlns:a16="http://schemas.microsoft.com/office/drawing/2014/main" id="{BCA31D0F-3A0D-6FED-1BF6-8FEBDE650CBC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695325" y="6045500"/>
            <a:ext cx="723898" cy="135094"/>
          </a:xfrm>
          <a:prstGeom prst="rect">
            <a:avLst/>
          </a:prstGeom>
        </p:spPr>
      </p:pic>
      <p:pic>
        <p:nvPicPr>
          <p:cNvPr id="2" name="Graphic 1">
            <a:extLst>
              <a:ext uri="{FF2B5EF4-FFF2-40B4-BE49-F238E27FC236}">
                <a16:creationId xmlns:a16="http://schemas.microsoft.com/office/drawing/2014/main" id="{2D2939E6-32DF-C1F9-8F3D-B595293A634F}"/>
              </a:ext>
            </a:extLst>
          </p:cNvPr>
          <p:cNvPicPr>
            <a:picLocks noChangeAspect="1"/>
          </p:cNvPicPr>
          <p:nvPr userDrawn="1"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0275294" y="1428261"/>
            <a:ext cx="468905" cy="468905"/>
          </a:xfrm>
          <a:prstGeom prst="rect">
            <a:avLst/>
          </a:prstGeom>
        </p:spPr>
      </p:pic>
      <p:sp>
        <p:nvSpPr>
          <p:cNvPr id="3" name="Rectangle 2">
            <a:extLst>
              <a:ext uri="{FF2B5EF4-FFF2-40B4-BE49-F238E27FC236}">
                <a16:creationId xmlns:a16="http://schemas.microsoft.com/office/drawing/2014/main" id="{42CB7C93-0DB3-4447-90ED-63E58DBDC2F9}"/>
              </a:ext>
            </a:extLst>
          </p:cNvPr>
          <p:cNvSpPr/>
          <p:nvPr userDrawn="1"/>
        </p:nvSpPr>
        <p:spPr>
          <a:xfrm>
            <a:off x="10744200" y="0"/>
            <a:ext cx="1447800" cy="1447800"/>
          </a:xfrm>
          <a:prstGeom prst="rect">
            <a:avLst/>
          </a:prstGeom>
          <a:solidFill>
            <a:srgbClr val="F64A4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9725277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A video game controller and virtual reality headset&#10;&#10;Description automatically generated">
            <a:extLst>
              <a:ext uri="{FF2B5EF4-FFF2-40B4-BE49-F238E27FC236}">
                <a16:creationId xmlns:a16="http://schemas.microsoft.com/office/drawing/2014/main" id="{CE10D887-3D9E-EFA3-4D7B-927CC3DFD826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saturation sat="0"/>
                    </a14:imgEffect>
                  </a14:imgLayer>
                </a14:imgProps>
              </a:ext>
            </a:extLst>
          </a:blip>
          <a:srcRect t="16097" r="559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913842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_Custom Layout">
    <p:bg>
      <p:bgPr>
        <a:solidFill>
          <a:srgbClr val="999999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EACADC3D-9AB8-46E7-03FB-BB67AD4E18D5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/>
        </p:blipFill>
        <p:spPr>
          <a:xfrm>
            <a:off x="-3613" y="0"/>
            <a:ext cx="12195613" cy="6858000"/>
          </a:xfrm>
          <a:prstGeom prst="rect">
            <a:avLst/>
          </a:prstGeom>
        </p:spPr>
      </p:pic>
      <p:pic>
        <p:nvPicPr>
          <p:cNvPr id="3" name="Picture 2" descr="A colorful curved object with a red and blue gradient&#10;&#10;Description automatically generated with medium confidence">
            <a:extLst>
              <a:ext uri="{FF2B5EF4-FFF2-40B4-BE49-F238E27FC236}">
                <a16:creationId xmlns:a16="http://schemas.microsoft.com/office/drawing/2014/main" id="{4BDBA11E-0C15-7224-734E-889CDCE110C3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4">
            <a:alphaModFix amt="42000"/>
            <a:duotone>
              <a:prstClr val="black"/>
              <a:schemeClr val="accent1">
                <a:tint val="45000"/>
                <a:satMod val="400000"/>
              </a:schemeClr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1" b="1563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5637038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  <p15:guide id="3" pos="438">
          <p15:clr>
            <a:srgbClr val="FBAE40"/>
          </p15:clr>
        </p15:guide>
        <p15:guide id="4" orient="horz" pos="436">
          <p15:clr>
            <a:srgbClr val="FBAE40"/>
          </p15:clr>
        </p15:guide>
        <p15:guide id="5" pos="7242">
          <p15:clr>
            <a:srgbClr val="FBAE40"/>
          </p15:clr>
        </p15:guide>
        <p15:guide id="6" orient="horz" pos="3884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EF0BA2D-CCEB-EE52-6951-D4ACD42F2FF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IN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59F51E10-AF86-0B1E-ADC9-2B374146721A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54DECFB-1B8B-3CCB-4569-9FEC3F6F7A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2F484EA3-BBCB-4602-86AA-C5C46E6C8C81}" type="datetimeFigureOut">
              <a:rPr lang="en-IN" smtClean="0"/>
              <a:t>04-12-2024</a:t>
            </a:fld>
            <a:endParaRPr lang="en-IN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A7C97B53-810E-AF4A-5D1D-4C375B638B0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en-IN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481EB734-D858-3C52-E932-52B25426469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F299BA14-6065-4B0C-91B5-7FC0C33E9250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123189081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60" r:id="rId2"/>
    <p:sldLayoutId id="2147483661" r:id="rId3"/>
    <p:sldLayoutId id="2147483672" r:id="rId4"/>
    <p:sldLayoutId id="2147483669" r:id="rId5"/>
    <p:sldLayoutId id="2147483668" r:id="rId6"/>
    <p:sldLayoutId id="2147483666" r:id="rId7"/>
    <p:sldLayoutId id="2147483662" r:id="rId8"/>
    <p:sldLayoutId id="2147483671" r:id="rId9"/>
    <p:sldLayoutId id="2147483673" r:id="rId10"/>
    <p:sldLayoutId id="2147483674" r:id="rId11"/>
    <p:sldLayoutId id="2147483670" r:id="rId12"/>
    <p:sldLayoutId id="2147483663" r:id="rId13"/>
    <p:sldLayoutId id="2147483664" r:id="rId14"/>
    <p:sldLayoutId id="2147483665" r:id="rId15"/>
    <p:sldLayoutId id="2147483667" r:id="rId16"/>
    <p:sldLayoutId id="2147483650" r:id="rId17"/>
    <p:sldLayoutId id="2147483651" r:id="rId18"/>
    <p:sldLayoutId id="2147483652" r:id="rId19"/>
    <p:sldLayoutId id="2147483653" r:id="rId20"/>
    <p:sldLayoutId id="2147483654" r:id="rId21"/>
    <p:sldLayoutId id="2147483655" r:id="rId22"/>
    <p:sldLayoutId id="2147483656" r:id="rId23"/>
    <p:sldLayoutId id="2147483657" r:id="rId24"/>
    <p:sldLayoutId id="2147483658" r:id="rId25"/>
    <p:sldLayoutId id="2147483659" r:id="rId2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microsoft.com/office/2007/relationships/hdphoto" Target="../media/hdphoto5.wdp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hyperlink" Target="https://salesportal.aptaracorp.com/ILWW/Web/story_html5.html" TargetMode="External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38.png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22.xml"/><Relationship Id="rId6" Type="http://schemas.openxmlformats.org/officeDocument/2006/relationships/image" Target="../media/image37.png"/><Relationship Id="rId5" Type="http://schemas.openxmlformats.org/officeDocument/2006/relationships/image" Target="../media/image30.svg"/><Relationship Id="rId4" Type="http://schemas.openxmlformats.org/officeDocument/2006/relationships/image" Target="../media/image29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slideLayout" Target="../slideLayouts/slideLayout11.xml"/><Relationship Id="rId1" Type="http://schemas.openxmlformats.org/officeDocument/2006/relationships/tags" Target="../tags/tag23.xml"/><Relationship Id="rId4" Type="http://schemas.openxmlformats.org/officeDocument/2006/relationships/image" Target="../media/image28.sv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24.xml"/><Relationship Id="rId6" Type="http://schemas.openxmlformats.org/officeDocument/2006/relationships/image" Target="../media/image40.jpeg"/><Relationship Id="rId5" Type="http://schemas.openxmlformats.org/officeDocument/2006/relationships/image" Target="../media/image39.jpeg"/><Relationship Id="rId4" Type="http://schemas.openxmlformats.org/officeDocument/2006/relationships/image" Target="../media/image30.sv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25.xml"/><Relationship Id="rId6" Type="http://schemas.openxmlformats.org/officeDocument/2006/relationships/image" Target="../media/image42.png"/><Relationship Id="rId5" Type="http://schemas.openxmlformats.org/officeDocument/2006/relationships/image" Target="../media/image41.png"/><Relationship Id="rId4" Type="http://schemas.openxmlformats.org/officeDocument/2006/relationships/image" Target="../media/image30.sv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26.xml"/><Relationship Id="rId4" Type="http://schemas.openxmlformats.org/officeDocument/2006/relationships/image" Target="../media/image28.svg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3.xml"/><Relationship Id="rId1" Type="http://schemas.openxmlformats.org/officeDocument/2006/relationships/tags" Target="../tags/tag27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jpeg"/><Relationship Id="rId2" Type="http://schemas.openxmlformats.org/officeDocument/2006/relationships/slideLayout" Target="../slideLayouts/slideLayout22.xml"/><Relationship Id="rId1" Type="http://schemas.openxmlformats.org/officeDocument/2006/relationships/tags" Target="../tags/tag14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22.xml"/><Relationship Id="rId1" Type="http://schemas.openxmlformats.org/officeDocument/2006/relationships/tags" Target="../tags/tag15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4.xml"/><Relationship Id="rId1" Type="http://schemas.openxmlformats.org/officeDocument/2006/relationships/tags" Target="../tags/tag16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8.xml"/><Relationship Id="rId4" Type="http://schemas.openxmlformats.org/officeDocument/2006/relationships/image" Target="../media/image28.sv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7" Type="http://schemas.openxmlformats.org/officeDocument/2006/relationships/hyperlink" Target="https://360.articulate.com/review/content/a7efa6ec-888f-41b7-91cc-d7804d5c9f63/review" TargetMode="Externa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19.xml"/><Relationship Id="rId6" Type="http://schemas.openxmlformats.org/officeDocument/2006/relationships/image" Target="../media/image32.jpeg"/><Relationship Id="rId5" Type="http://schemas.openxmlformats.org/officeDocument/2006/relationships/image" Target="../media/image31.jpeg"/><Relationship Id="rId4" Type="http://schemas.openxmlformats.org/officeDocument/2006/relationships/image" Target="../media/image30.sv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7" Type="http://schemas.openxmlformats.org/officeDocument/2006/relationships/hyperlink" Target="https://360.articulate.com/review/content/3ffa908f-dc23-4510-bacc-dd31ec3c1970/review" TargetMode="Externa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20.xml"/><Relationship Id="rId6" Type="http://schemas.openxmlformats.org/officeDocument/2006/relationships/image" Target="../media/image34.jpeg"/><Relationship Id="rId5" Type="http://schemas.openxmlformats.org/officeDocument/2006/relationships/image" Target="../media/image33.jpeg"/><Relationship Id="rId4" Type="http://schemas.openxmlformats.org/officeDocument/2006/relationships/image" Target="../media/image30.sv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7" Type="http://schemas.openxmlformats.org/officeDocument/2006/relationships/hyperlink" Target="https://360.articulate.com/review/content/97368fef-6a80-4300-ac5a-ebcd83e6869a/review" TargetMode="Externa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21.xml"/><Relationship Id="rId6" Type="http://schemas.openxmlformats.org/officeDocument/2006/relationships/image" Target="../media/image36.png"/><Relationship Id="rId5" Type="http://schemas.openxmlformats.org/officeDocument/2006/relationships/image" Target="../media/image35.png"/><Relationship Id="rId4" Type="http://schemas.openxmlformats.org/officeDocument/2006/relationships/image" Target="../media/image30.sv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Picture 15">
            <a:extLst>
              <a:ext uri="{FF2B5EF4-FFF2-40B4-BE49-F238E27FC236}">
                <a16:creationId xmlns:a16="http://schemas.microsoft.com/office/drawing/2014/main" id="{E3A2EDC4-323A-4C32-B0D0-2603399DF92E}"/>
              </a:ext>
            </a:extLst>
          </p:cNvPr>
          <p:cNvPicPr>
            <a:picLocks noChangeAspect="1"/>
          </p:cNvPicPr>
          <p:nvPr/>
        </p:nvPicPr>
        <p:blipFill>
          <a:blip r:embed="rId3" cstate="email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saturation sat="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0" y="0"/>
            <a:ext cx="12191495" cy="6858000"/>
          </a:xfrm>
          <a:prstGeom prst="rect">
            <a:avLst/>
          </a:prstGeom>
        </p:spPr>
      </p:pic>
      <p:sp>
        <p:nvSpPr>
          <p:cNvPr id="15" name="Rectangle 14">
            <a:extLst>
              <a:ext uri="{FF2B5EF4-FFF2-40B4-BE49-F238E27FC236}">
                <a16:creationId xmlns:a16="http://schemas.microsoft.com/office/drawing/2014/main" id="{20C49405-7BF2-CC87-06A0-916DFC6483A6}"/>
              </a:ext>
            </a:extLst>
          </p:cNvPr>
          <p:cNvSpPr/>
          <p:nvPr/>
        </p:nvSpPr>
        <p:spPr>
          <a:xfrm>
            <a:off x="11430" y="0"/>
            <a:ext cx="12192000" cy="6858000"/>
          </a:xfrm>
          <a:prstGeom prst="rect">
            <a:avLst/>
          </a:prstGeom>
          <a:solidFill>
            <a:schemeClr val="dk1">
              <a:alpha val="42000"/>
            </a:schemeClr>
          </a:solidFill>
          <a:ln>
            <a:noFill/>
          </a:ln>
        </p:spPr>
        <p:style>
          <a:lnRef idx="2">
            <a:schemeClr val="dk1">
              <a:shade val="15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876A084D-7E1D-2625-58B3-8AE05639BF45}"/>
              </a:ext>
            </a:extLst>
          </p:cNvPr>
          <p:cNvSpPr txBox="1"/>
          <p:nvPr/>
        </p:nvSpPr>
        <p:spPr>
          <a:xfrm>
            <a:off x="1774523" y="3468113"/>
            <a:ext cx="5181600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10000" b="1">
                <a:solidFill>
                  <a:schemeClr val="bg1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Roboto Black" panose="02000000000000000000" pitchFamily="2" charset="0"/>
              </a:rPr>
              <a:t>Port</a:t>
            </a:r>
            <a:r>
              <a:rPr lang="en-IN" sz="10000" b="1">
                <a:solidFill>
                  <a:schemeClr val="bg1"/>
                </a:solidFill>
                <a:latin typeface="Roboto Thin" panose="02000000000000000000" pitchFamily="2" charset="0"/>
                <a:ea typeface="Roboto Thin" panose="02000000000000000000" pitchFamily="2" charset="0"/>
                <a:cs typeface="Roboto Thin" panose="02000000000000000000" pitchFamily="2" charset="0"/>
              </a:rPr>
              <a:t>folio</a:t>
            </a:r>
            <a:endParaRPr lang="en-IN" sz="10000">
              <a:solidFill>
                <a:schemeClr val="bg1"/>
              </a:solidFill>
              <a:latin typeface="Roboto Thin" panose="02000000000000000000" pitchFamily="2" charset="0"/>
              <a:ea typeface="Roboto Thin" panose="02000000000000000000" pitchFamily="2" charset="0"/>
              <a:cs typeface="Roboto Thin" panose="02000000000000000000" pitchFamily="2" charset="0"/>
            </a:endParaRPr>
          </a:p>
        </p:txBody>
      </p:sp>
      <p:sp>
        <p:nvSpPr>
          <p:cNvPr id="19" name="Rectangle 18">
            <a:extLst>
              <a:ext uri="{FF2B5EF4-FFF2-40B4-BE49-F238E27FC236}">
                <a16:creationId xmlns:a16="http://schemas.microsoft.com/office/drawing/2014/main" id="{D1E77531-F9D7-4E49-BF01-49897DD0683A}"/>
              </a:ext>
            </a:extLst>
          </p:cNvPr>
          <p:cNvSpPr/>
          <p:nvPr/>
        </p:nvSpPr>
        <p:spPr>
          <a:xfrm>
            <a:off x="11430" y="4837094"/>
            <a:ext cx="1447800" cy="1447800"/>
          </a:xfrm>
          <a:prstGeom prst="rect">
            <a:avLst/>
          </a:prstGeom>
          <a:solidFill>
            <a:srgbClr val="F64A4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20" name="Rectangle 19">
            <a:extLst>
              <a:ext uri="{FF2B5EF4-FFF2-40B4-BE49-F238E27FC236}">
                <a16:creationId xmlns:a16="http://schemas.microsoft.com/office/drawing/2014/main" id="{76220D67-42EF-429F-A7DC-BDE21D732511}"/>
              </a:ext>
            </a:extLst>
          </p:cNvPr>
          <p:cNvSpPr/>
          <p:nvPr/>
        </p:nvSpPr>
        <p:spPr>
          <a:xfrm>
            <a:off x="1518920" y="4844475"/>
            <a:ext cx="9777730" cy="1447800"/>
          </a:xfrm>
          <a:prstGeom prst="rect">
            <a:avLst/>
          </a:prstGeom>
          <a:solidFill>
            <a:schemeClr val="tx1">
              <a:lumMod val="85000"/>
              <a:lumOff val="1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F0BCC571-F9B1-4D3E-9409-F71A06E581D4}"/>
              </a:ext>
            </a:extLst>
          </p:cNvPr>
          <p:cNvSpPr txBox="1"/>
          <p:nvPr/>
        </p:nvSpPr>
        <p:spPr>
          <a:xfrm>
            <a:off x="1841198" y="5142921"/>
            <a:ext cx="327372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en-IN" sz="2400" b="1" i="0">
                <a:solidFill>
                  <a:schemeClr val="bg1"/>
                </a:solidFill>
                <a:effectLst/>
                <a:latin typeface="Segoe UI" panose="020B0502040204020203" pitchFamily="34" charset="0"/>
              </a:rPr>
              <a:t>Ajinkya </a:t>
            </a:r>
            <a:r>
              <a:rPr lang="en-IN" sz="2400" b="1" i="0" err="1">
                <a:solidFill>
                  <a:schemeClr val="bg1"/>
                </a:solidFill>
                <a:effectLst/>
                <a:latin typeface="Segoe UI" panose="020B0502040204020203" pitchFamily="34" charset="0"/>
              </a:rPr>
              <a:t>Dambelkar</a:t>
            </a:r>
            <a:endParaRPr lang="en-IN" sz="2400" b="1" i="0">
              <a:solidFill>
                <a:schemeClr val="bg1"/>
              </a:solidFill>
              <a:effectLst/>
              <a:latin typeface="Segoe UI" panose="020B0502040204020203" pitchFamily="34" charset="0"/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C02F896-ADF3-428B-B4BE-CC04BF0BF57F}"/>
              </a:ext>
            </a:extLst>
          </p:cNvPr>
          <p:cNvSpPr txBox="1"/>
          <p:nvPr/>
        </p:nvSpPr>
        <p:spPr>
          <a:xfrm>
            <a:off x="1841198" y="5568658"/>
            <a:ext cx="6045502" cy="338554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pPr algn="l"/>
            <a:r>
              <a:rPr lang="en-IN" sz="1600" i="0" dirty="0">
                <a:solidFill>
                  <a:schemeClr val="bg1">
                    <a:lumMod val="75000"/>
                  </a:schemeClr>
                </a:solidFill>
                <a:effectLst/>
                <a:latin typeface="Segoe UI"/>
                <a:cs typeface="Segoe UI"/>
              </a:rPr>
              <a:t>Graphic </a:t>
            </a:r>
            <a:r>
              <a:rPr lang="en-IN" sz="1600" dirty="0">
                <a:solidFill>
                  <a:schemeClr val="bg1">
                    <a:lumMod val="75000"/>
                  </a:schemeClr>
                </a:solidFill>
                <a:latin typeface="Segoe UI"/>
                <a:cs typeface="Segoe UI"/>
              </a:rPr>
              <a:t>Designer</a:t>
            </a:r>
            <a:r>
              <a:rPr lang="en-IN" sz="1600" i="0" dirty="0">
                <a:solidFill>
                  <a:schemeClr val="bg1">
                    <a:lumMod val="75000"/>
                  </a:schemeClr>
                </a:solidFill>
                <a:effectLst/>
                <a:latin typeface="Segoe UI"/>
                <a:cs typeface="Segoe UI"/>
              </a:rPr>
              <a:t> (Articulate Storyline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17649319"/>
      </p:ext>
    </p:extLst>
  </p:cSld>
  <p:clrMapOvr>
    <a:masterClrMapping/>
  </p:clrMapOvr>
  <p:transition spd="slow">
    <p:push dir="u"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7">
            <a:extLst>
              <a:ext uri="{FF2B5EF4-FFF2-40B4-BE49-F238E27FC236}">
                <a16:creationId xmlns:a16="http://schemas.microsoft.com/office/drawing/2014/main" id="{E3AEC578-6473-8AB8-D005-AC3AF925588E}"/>
              </a:ext>
            </a:extLst>
          </p:cNvPr>
          <p:cNvSpPr txBox="1">
            <a:spLocks/>
          </p:cNvSpPr>
          <p:nvPr/>
        </p:nvSpPr>
        <p:spPr>
          <a:xfrm>
            <a:off x="637540" y="1340313"/>
            <a:ext cx="5331884" cy="1280968"/>
          </a:xfrm>
          <a:prstGeom prst="rect">
            <a:avLst/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is storyline course is created using the tools mentioned below.</a:t>
            </a:r>
          </a:p>
          <a:p>
            <a:pPr marL="0" indent="0">
              <a:buNone/>
            </a:pPr>
            <a:r>
              <a:rPr lang="en-US" sz="1400" b="1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ools:</a:t>
            </a:r>
          </a:p>
          <a:p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Storyline 360</a:t>
            </a:r>
          </a:p>
          <a:p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Photoshop CC</a:t>
            </a:r>
          </a:p>
        </p:txBody>
      </p:sp>
      <p:sp>
        <p:nvSpPr>
          <p:cNvPr id="13" name="Title 12">
            <a:extLst>
              <a:ext uri="{FF2B5EF4-FFF2-40B4-BE49-F238E27FC236}">
                <a16:creationId xmlns:a16="http://schemas.microsoft.com/office/drawing/2014/main" id="{5772062F-5BB5-B071-3C51-5E30CA9D13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IN"/>
              <a:t>Storyline Sample </a:t>
            </a:r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AF8C2131-5BE3-409C-AEA0-1CA6F5BE0BDE}"/>
              </a:ext>
            </a:extLst>
          </p:cNvPr>
          <p:cNvGrpSpPr/>
          <p:nvPr/>
        </p:nvGrpSpPr>
        <p:grpSpPr>
          <a:xfrm>
            <a:off x="6676680" y="1497965"/>
            <a:ext cx="5436707" cy="3359763"/>
            <a:chOff x="5143559" y="1717040"/>
            <a:chExt cx="6579303" cy="4065862"/>
          </a:xfrm>
        </p:grpSpPr>
        <p:pic>
          <p:nvPicPr>
            <p:cNvPr id="20" name="Graphic 19">
              <a:extLst>
                <a:ext uri="{FF2B5EF4-FFF2-40B4-BE49-F238E27FC236}">
                  <a16:creationId xmlns:a16="http://schemas.microsoft.com/office/drawing/2014/main" id="{53FBE91D-DD28-B808-8C36-77B1C96450D1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5143559" y="1717040"/>
              <a:ext cx="6579303" cy="4065862"/>
            </a:xfrm>
            <a:prstGeom prst="rect">
              <a:avLst/>
            </a:prstGeom>
          </p:spPr>
        </p:pic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5E16F2A6-AEAF-6A70-824E-53BC12615918}"/>
                </a:ext>
              </a:extLst>
            </p:cNvPr>
            <p:cNvPicPr/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100" b="100"/>
            <a:stretch/>
          </p:blipFill>
          <p:spPr bwMode="auto">
            <a:xfrm>
              <a:off x="6057747" y="2263774"/>
              <a:ext cx="4752494" cy="2968625"/>
            </a:xfrm>
            <a:prstGeom prst="roundRect">
              <a:avLst>
                <a:gd name="adj" fmla="val 0"/>
              </a:avLst>
            </a:prstGeom>
            <a:effectLst>
              <a:outerShdw blurRad="50800" dist="38100" dir="2700000" algn="tl" rotWithShape="0">
                <a:prstClr val="black">
                  <a:alpha val="20000"/>
                </a:prstClr>
              </a:outerShdw>
            </a:effectLst>
          </p:spPr>
        </p:pic>
      </p:grpSp>
      <p:pic>
        <p:nvPicPr>
          <p:cNvPr id="24" name="Picture 23">
            <a:extLst>
              <a:ext uri="{FF2B5EF4-FFF2-40B4-BE49-F238E27FC236}">
                <a16:creationId xmlns:a16="http://schemas.microsoft.com/office/drawing/2014/main" id="{B8F417AC-40E5-3F68-61CE-6404FF2147E2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95325" y="2880812"/>
            <a:ext cx="4222337" cy="2636875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3" name="Rectangle: Top Corners Rounded 2">
            <a:extLst>
              <a:ext uri="{FF2B5EF4-FFF2-40B4-BE49-F238E27FC236}">
                <a16:creationId xmlns:a16="http://schemas.microsoft.com/office/drawing/2014/main" id="{5A26D266-1618-9CFF-4A9B-D85F54AAA20E}"/>
              </a:ext>
            </a:extLst>
          </p:cNvPr>
          <p:cNvSpPr/>
          <p:nvPr/>
        </p:nvSpPr>
        <p:spPr>
          <a:xfrm>
            <a:off x="8701270" y="4920033"/>
            <a:ext cx="1480598" cy="432919"/>
          </a:xfrm>
          <a:prstGeom prst="round2SameRect">
            <a:avLst>
              <a:gd name="adj1" fmla="val 15279"/>
              <a:gd name="adj2" fmla="val 17939"/>
            </a:avLst>
          </a:prstGeom>
          <a:solidFill>
            <a:schemeClr val="bg1"/>
          </a:solidFill>
          <a:ln>
            <a:solidFill>
              <a:schemeClr val="bg1">
                <a:lumMod val="85000"/>
              </a:schemeClr>
            </a:solidFill>
          </a:ln>
          <a:effectLst>
            <a:outerShdw blurRad="50800" dist="38100" dir="2700000" algn="tl" rotWithShape="0">
              <a:prstClr val="black">
                <a:alpha val="1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4BCEB22E-1B49-213D-07D5-C0DCFB75D7DE}"/>
              </a:ext>
            </a:extLst>
          </p:cNvPr>
          <p:cNvSpPr txBox="1"/>
          <p:nvPr/>
        </p:nvSpPr>
        <p:spPr>
          <a:xfrm>
            <a:off x="8871385" y="4997993"/>
            <a:ext cx="1140368" cy="27699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lvl="2" indent="0" algn="ctr">
              <a:lnSpc>
                <a:spcPct val="100000"/>
              </a:lnSpc>
              <a:spcBef>
                <a:spcPts val="1800"/>
              </a:spcBef>
              <a:buClr>
                <a:srgbClr val="00799E"/>
              </a:buClr>
              <a:buNone/>
            </a:pPr>
            <a:r>
              <a:rPr lang="en-US" sz="1200" b="1">
                <a:solidFill>
                  <a:srgbClr val="00799E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hlinkClick r:id="rId8"/>
              </a:rPr>
              <a:t>View Demo</a:t>
            </a:r>
            <a:endParaRPr lang="en-US" sz="1200" b="1">
              <a:solidFill>
                <a:srgbClr val="00799E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4513897"/>
      </p:ext>
    </p:extLst>
  </p:cSld>
  <p:clrMapOvr>
    <a:masterClrMapping/>
  </p:clrMapOvr>
  <p:transition spd="slow">
    <p:push dir="u"/>
  </p:transition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8" name="Group 17">
            <a:extLst>
              <a:ext uri="{FF2B5EF4-FFF2-40B4-BE49-F238E27FC236}">
                <a16:creationId xmlns:a16="http://schemas.microsoft.com/office/drawing/2014/main" id="{9D0722C5-E372-401E-AFEF-5FE53E03F1C8}"/>
              </a:ext>
            </a:extLst>
          </p:cNvPr>
          <p:cNvGrpSpPr/>
          <p:nvPr/>
        </p:nvGrpSpPr>
        <p:grpSpPr>
          <a:xfrm>
            <a:off x="-9525" y="4699308"/>
            <a:ext cx="11456367" cy="1447800"/>
            <a:chOff x="40308" y="4699308"/>
            <a:chExt cx="11456367" cy="1447800"/>
          </a:xfrm>
        </p:grpSpPr>
        <p:sp>
          <p:nvSpPr>
            <p:cNvPr id="19" name="Rectangle 18">
              <a:extLst>
                <a:ext uri="{FF2B5EF4-FFF2-40B4-BE49-F238E27FC236}">
                  <a16:creationId xmlns:a16="http://schemas.microsoft.com/office/drawing/2014/main" id="{FC2CD65E-16F1-467B-9736-51236A147B54}"/>
                </a:ext>
              </a:extLst>
            </p:cNvPr>
            <p:cNvSpPr/>
            <p:nvPr/>
          </p:nvSpPr>
          <p:spPr>
            <a:xfrm>
              <a:off x="1568723" y="4699308"/>
              <a:ext cx="9927952" cy="1447800"/>
            </a:xfrm>
            <a:prstGeom prst="rect">
              <a:avLst/>
            </a:pr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sp>
          <p:nvSpPr>
            <p:cNvPr id="20" name="Rectangle 19">
              <a:extLst>
                <a:ext uri="{FF2B5EF4-FFF2-40B4-BE49-F238E27FC236}">
                  <a16:creationId xmlns:a16="http://schemas.microsoft.com/office/drawing/2014/main" id="{E36CF1C2-DB05-4097-93B1-2CC5FC7753DE}"/>
                </a:ext>
              </a:extLst>
            </p:cNvPr>
            <p:cNvSpPr/>
            <p:nvPr/>
          </p:nvSpPr>
          <p:spPr>
            <a:xfrm>
              <a:off x="40308" y="4699308"/>
              <a:ext cx="1447800" cy="1447800"/>
            </a:xfrm>
            <a:prstGeom prst="rect">
              <a:avLst/>
            </a:prstGeom>
            <a:solidFill>
              <a:srgbClr val="F64A46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</p:grpSp>
      <p:pic>
        <p:nvPicPr>
          <p:cNvPr id="21" name="Graphic 20">
            <a:extLst>
              <a:ext uri="{FF2B5EF4-FFF2-40B4-BE49-F238E27FC236}">
                <a16:creationId xmlns:a16="http://schemas.microsoft.com/office/drawing/2014/main" id="{DED38085-9CE5-436A-9F09-2933610B4FB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10376826" y="6297672"/>
            <a:ext cx="1070016" cy="199686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4C441934-D9AE-2E4C-750B-74892C9CA301}"/>
              </a:ext>
            </a:extLst>
          </p:cNvPr>
          <p:cNvSpPr txBox="1"/>
          <p:nvPr/>
        </p:nvSpPr>
        <p:spPr>
          <a:xfrm>
            <a:off x="1764969" y="5192376"/>
            <a:ext cx="528540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en-IN" sz="2400" b="1" i="0" dirty="0">
                <a:solidFill>
                  <a:schemeClr val="bg1"/>
                </a:solidFill>
                <a:effectLst/>
                <a:latin typeface="Segoe UI" panose="020B0502040204020203" pitchFamily="34" charset="0"/>
              </a:rPr>
              <a:t>Articulate Rise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15383531"/>
      </p:ext>
    </p:extLst>
  </p:cSld>
  <p:clrMapOvr>
    <a:masterClrMapping/>
  </p:clrMapOvr>
  <p:transition spd="slow">
    <p:push dir="u"/>
  </p:transition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7">
            <a:extLst>
              <a:ext uri="{FF2B5EF4-FFF2-40B4-BE49-F238E27FC236}">
                <a16:creationId xmlns:a16="http://schemas.microsoft.com/office/drawing/2014/main" id="{E3AEC578-6473-8AB8-D005-AC3AF925588E}"/>
              </a:ext>
            </a:extLst>
          </p:cNvPr>
          <p:cNvSpPr txBox="1">
            <a:spLocks/>
          </p:cNvSpPr>
          <p:nvPr/>
        </p:nvSpPr>
        <p:spPr>
          <a:xfrm>
            <a:off x="637540" y="1340313"/>
            <a:ext cx="5331884" cy="966007"/>
          </a:xfrm>
          <a:prstGeom prst="rect">
            <a:avLst/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4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is storyline course is created using the tools mentioned below.</a:t>
            </a:r>
          </a:p>
          <a:p>
            <a:pPr marL="0" indent="0">
              <a:buNone/>
            </a:pPr>
            <a:r>
              <a:rPr lang="en-US" sz="1400" b="1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ools:</a:t>
            </a:r>
          </a:p>
          <a:p>
            <a:r>
              <a:rPr lang="en-US" sz="14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rticulate Rise </a:t>
            </a:r>
          </a:p>
        </p:txBody>
      </p:sp>
      <p:sp>
        <p:nvSpPr>
          <p:cNvPr id="13" name="Title 12">
            <a:extLst>
              <a:ext uri="{FF2B5EF4-FFF2-40B4-BE49-F238E27FC236}">
                <a16:creationId xmlns:a16="http://schemas.microsoft.com/office/drawing/2014/main" id="{5772062F-5BB5-B071-3C51-5E30CA9D13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IN" dirty="0"/>
              <a:t>Articulate Rise </a:t>
            </a:r>
            <a:r>
              <a:rPr lang="en-IN"/>
              <a:t>Sample</a:t>
            </a:r>
            <a:r>
              <a:rPr lang="en-IN" dirty="0"/>
              <a:t> </a:t>
            </a:r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068C39B4-3218-4CDB-AFA2-42D88BE51CD5}"/>
              </a:ext>
            </a:extLst>
          </p:cNvPr>
          <p:cNvGrpSpPr/>
          <p:nvPr/>
        </p:nvGrpSpPr>
        <p:grpSpPr>
          <a:xfrm>
            <a:off x="6861039" y="1717040"/>
            <a:ext cx="4861823" cy="3004498"/>
            <a:chOff x="5143559" y="1717040"/>
            <a:chExt cx="6579303" cy="4065862"/>
          </a:xfrm>
        </p:grpSpPr>
        <p:pic>
          <p:nvPicPr>
            <p:cNvPr id="20" name="Graphic 19">
              <a:extLst>
                <a:ext uri="{FF2B5EF4-FFF2-40B4-BE49-F238E27FC236}">
                  <a16:creationId xmlns:a16="http://schemas.microsoft.com/office/drawing/2014/main" id="{53FBE91D-DD28-B808-8C36-77B1C96450D1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96DAC541-7B7A-43D3-8B79-37D633B846F1}">
                  <asvg:svgBlip xmlns:asvg="http://schemas.microsoft.com/office/drawing/2016/SVG/main" r:embed="rId4"/>
                </a:ext>
              </a:extLst>
            </a:blip>
            <a:stretch>
              <a:fillRect/>
            </a:stretch>
          </p:blipFill>
          <p:spPr>
            <a:xfrm>
              <a:off x="5143559" y="1717040"/>
              <a:ext cx="6579303" cy="4065862"/>
            </a:xfrm>
            <a:prstGeom prst="rect">
              <a:avLst/>
            </a:prstGeom>
          </p:spPr>
        </p:pic>
        <p:pic>
          <p:nvPicPr>
            <p:cNvPr id="3" name="Picture 4">
              <a:extLst>
                <a:ext uri="{FF2B5EF4-FFF2-40B4-BE49-F238E27FC236}">
                  <a16:creationId xmlns:a16="http://schemas.microsoft.com/office/drawing/2014/main" id="{C9FFB9E0-4130-BAE0-4EE7-32F8E7872FA2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5"/>
            <a:srcRect l="12414" r="12414"/>
            <a:stretch/>
          </p:blipFill>
          <p:spPr bwMode="auto">
            <a:xfrm>
              <a:off x="6054688" y="2242881"/>
              <a:ext cx="4796193" cy="2979359"/>
            </a:xfrm>
            <a:prstGeom prst="roundRect">
              <a:avLst>
                <a:gd name="adj" fmla="val 1983"/>
              </a:avLst>
            </a:prstGeom>
          </p:spPr>
        </p:pic>
      </p:grpSp>
      <p:pic>
        <p:nvPicPr>
          <p:cNvPr id="6" name="Picture 5">
            <a:extLst>
              <a:ext uri="{FF2B5EF4-FFF2-40B4-BE49-F238E27FC236}">
                <a16:creationId xmlns:a16="http://schemas.microsoft.com/office/drawing/2014/main" id="{85287643-FF81-D488-9CDB-F4B5CC21D13A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695326" y="3046581"/>
            <a:ext cx="4846375" cy="226306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83544457"/>
      </p:ext>
    </p:extLst>
  </p:cSld>
  <p:clrMapOvr>
    <a:masterClrMapping/>
  </p:clrMapOvr>
  <p:transition spd="slow">
    <p:push dir="u"/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7">
            <a:extLst>
              <a:ext uri="{FF2B5EF4-FFF2-40B4-BE49-F238E27FC236}">
                <a16:creationId xmlns:a16="http://schemas.microsoft.com/office/drawing/2014/main" id="{E3AEC578-6473-8AB8-D005-AC3AF925588E}"/>
              </a:ext>
            </a:extLst>
          </p:cNvPr>
          <p:cNvSpPr txBox="1">
            <a:spLocks/>
          </p:cNvSpPr>
          <p:nvPr/>
        </p:nvSpPr>
        <p:spPr>
          <a:xfrm>
            <a:off x="637540" y="1340313"/>
            <a:ext cx="5331884" cy="1280968"/>
          </a:xfrm>
          <a:prstGeom prst="rect">
            <a:avLst/>
          </a:prstGeom>
        </p:spPr>
        <p:txBody>
          <a:bodyPr lIns="91440" tIns="45720" rIns="91440" bIns="45720" anchor="t"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400">
                <a:latin typeface="Roboto Light"/>
                <a:ea typeface="Roboto Light"/>
                <a:cs typeface="Roboto Light"/>
              </a:rPr>
              <a:t>This storyline course is created using the tools mentioned below.</a:t>
            </a:r>
          </a:p>
          <a:p>
            <a:pPr marL="0" indent="0">
              <a:buNone/>
            </a:pPr>
            <a:r>
              <a:rPr lang="en-US" sz="1400" b="1">
                <a:latin typeface="Roboto Light"/>
                <a:ea typeface="Roboto Light"/>
                <a:cs typeface="Roboto Light"/>
              </a:rPr>
              <a:t>Tools:</a:t>
            </a:r>
          </a:p>
          <a:p>
            <a:r>
              <a:rPr lang="en-US" sz="1400">
                <a:latin typeface="Roboto Light"/>
                <a:ea typeface="Roboto Light"/>
                <a:cs typeface="Roboto Light"/>
              </a:rPr>
              <a:t>Rise 360</a:t>
            </a:r>
            <a:endParaRPr lang="en-US" sz="140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  <a:p>
            <a:r>
              <a:rPr lang="en-US" sz="1400">
                <a:latin typeface="Roboto Light"/>
                <a:ea typeface="Roboto Light"/>
                <a:cs typeface="Roboto Light"/>
              </a:rPr>
              <a:t>Adobe Photoshop CC</a:t>
            </a:r>
          </a:p>
        </p:txBody>
      </p:sp>
      <p:sp>
        <p:nvSpPr>
          <p:cNvPr id="13" name="Title 12">
            <a:extLst>
              <a:ext uri="{FF2B5EF4-FFF2-40B4-BE49-F238E27FC236}">
                <a16:creationId xmlns:a16="http://schemas.microsoft.com/office/drawing/2014/main" id="{5772062F-5BB5-B071-3C51-5E30CA9D13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IN" dirty="0"/>
              <a:t>Articulate Rise Sample</a:t>
            </a:r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068C39B4-3218-4CDB-AFA2-42D88BE51CD5}"/>
              </a:ext>
            </a:extLst>
          </p:cNvPr>
          <p:cNvGrpSpPr/>
          <p:nvPr/>
        </p:nvGrpSpPr>
        <p:grpSpPr>
          <a:xfrm>
            <a:off x="6861039" y="1717040"/>
            <a:ext cx="4861823" cy="3004498"/>
            <a:chOff x="5143559" y="1717040"/>
            <a:chExt cx="6579303" cy="4065862"/>
          </a:xfrm>
        </p:grpSpPr>
        <p:pic>
          <p:nvPicPr>
            <p:cNvPr id="20" name="Graphic 19">
              <a:extLst>
                <a:ext uri="{FF2B5EF4-FFF2-40B4-BE49-F238E27FC236}">
                  <a16:creationId xmlns:a16="http://schemas.microsoft.com/office/drawing/2014/main" id="{53FBE91D-DD28-B808-8C36-77B1C96450D1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96DAC541-7B7A-43D3-8B79-37D633B846F1}">
                  <asvg:svgBlip xmlns:asvg="http://schemas.microsoft.com/office/drawing/2016/SVG/main" r:embed="rId4"/>
                </a:ext>
              </a:extLst>
            </a:blip>
            <a:stretch>
              <a:fillRect/>
            </a:stretch>
          </p:blipFill>
          <p:spPr>
            <a:xfrm>
              <a:off x="5143559" y="1717040"/>
              <a:ext cx="6579303" cy="4065862"/>
            </a:xfrm>
            <a:prstGeom prst="rect">
              <a:avLst/>
            </a:prstGeom>
          </p:spPr>
        </p:pic>
        <p:pic>
          <p:nvPicPr>
            <p:cNvPr id="3" name="Picture 4">
              <a:extLst>
                <a:ext uri="{FF2B5EF4-FFF2-40B4-BE49-F238E27FC236}">
                  <a16:creationId xmlns:a16="http://schemas.microsoft.com/office/drawing/2014/main" id="{C9FFB9E0-4130-BAE0-4EE7-32F8E7872FA2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5"/>
            <a:srcRect l="12414" r="12414"/>
            <a:stretch/>
          </p:blipFill>
          <p:spPr bwMode="auto">
            <a:xfrm>
              <a:off x="6054688" y="2242881"/>
              <a:ext cx="4796193" cy="2979359"/>
            </a:xfrm>
            <a:prstGeom prst="roundRect">
              <a:avLst>
                <a:gd name="adj" fmla="val 1983"/>
              </a:avLst>
            </a:prstGeom>
          </p:spPr>
        </p:pic>
      </p:grpSp>
      <p:pic>
        <p:nvPicPr>
          <p:cNvPr id="6" name="Picture 5">
            <a:extLst>
              <a:ext uri="{FF2B5EF4-FFF2-40B4-BE49-F238E27FC236}">
                <a16:creationId xmlns:a16="http://schemas.microsoft.com/office/drawing/2014/main" id="{85287643-FF81-D488-9CDB-F4B5CC21D13A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695326" y="3046580"/>
            <a:ext cx="4846375" cy="2263065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83091006"/>
      </p:ext>
    </p:extLst>
  </p:cSld>
  <p:clrMapOvr>
    <a:masterClrMapping/>
  </p:clrMapOvr>
  <p:transition spd="slow">
    <p:push dir="u"/>
  </p:transition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8" name="Group 17">
            <a:extLst>
              <a:ext uri="{FF2B5EF4-FFF2-40B4-BE49-F238E27FC236}">
                <a16:creationId xmlns:a16="http://schemas.microsoft.com/office/drawing/2014/main" id="{9D0722C5-E372-401E-AFEF-5FE53E03F1C8}"/>
              </a:ext>
            </a:extLst>
          </p:cNvPr>
          <p:cNvGrpSpPr/>
          <p:nvPr/>
        </p:nvGrpSpPr>
        <p:grpSpPr>
          <a:xfrm>
            <a:off x="-9525" y="4699308"/>
            <a:ext cx="11456367" cy="1447800"/>
            <a:chOff x="40308" y="4699308"/>
            <a:chExt cx="11456367" cy="1447800"/>
          </a:xfrm>
        </p:grpSpPr>
        <p:sp>
          <p:nvSpPr>
            <p:cNvPr id="19" name="Rectangle 18">
              <a:extLst>
                <a:ext uri="{FF2B5EF4-FFF2-40B4-BE49-F238E27FC236}">
                  <a16:creationId xmlns:a16="http://schemas.microsoft.com/office/drawing/2014/main" id="{FC2CD65E-16F1-467B-9736-51236A147B54}"/>
                </a:ext>
              </a:extLst>
            </p:cNvPr>
            <p:cNvSpPr/>
            <p:nvPr/>
          </p:nvSpPr>
          <p:spPr>
            <a:xfrm>
              <a:off x="1568723" y="4699308"/>
              <a:ext cx="9927952" cy="1447800"/>
            </a:xfrm>
            <a:prstGeom prst="rect">
              <a:avLst/>
            </a:pr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sp>
          <p:nvSpPr>
            <p:cNvPr id="20" name="Rectangle 19">
              <a:extLst>
                <a:ext uri="{FF2B5EF4-FFF2-40B4-BE49-F238E27FC236}">
                  <a16:creationId xmlns:a16="http://schemas.microsoft.com/office/drawing/2014/main" id="{E36CF1C2-DB05-4097-93B1-2CC5FC7753DE}"/>
                </a:ext>
              </a:extLst>
            </p:cNvPr>
            <p:cNvSpPr/>
            <p:nvPr/>
          </p:nvSpPr>
          <p:spPr>
            <a:xfrm>
              <a:off x="40308" y="4699308"/>
              <a:ext cx="1447800" cy="1447800"/>
            </a:xfrm>
            <a:prstGeom prst="rect">
              <a:avLst/>
            </a:prstGeom>
            <a:solidFill>
              <a:srgbClr val="F64A46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</p:grpSp>
      <p:pic>
        <p:nvPicPr>
          <p:cNvPr id="21" name="Graphic 20">
            <a:extLst>
              <a:ext uri="{FF2B5EF4-FFF2-40B4-BE49-F238E27FC236}">
                <a16:creationId xmlns:a16="http://schemas.microsoft.com/office/drawing/2014/main" id="{DED38085-9CE5-436A-9F09-2933610B4FB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10376826" y="6297672"/>
            <a:ext cx="1070016" cy="199686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4C441934-D9AE-2E4C-750B-74892C9CA301}"/>
              </a:ext>
            </a:extLst>
          </p:cNvPr>
          <p:cNvSpPr txBox="1"/>
          <p:nvPr/>
        </p:nvSpPr>
        <p:spPr>
          <a:xfrm>
            <a:off x="1764969" y="5192376"/>
            <a:ext cx="528540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en-IN" sz="2400" b="1" i="0" dirty="0">
                <a:solidFill>
                  <a:schemeClr val="bg1"/>
                </a:solidFill>
                <a:effectLst/>
                <a:latin typeface="Segoe UI" panose="020B0502040204020203" pitchFamily="34" charset="0"/>
              </a:rPr>
              <a:t>Video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24266609"/>
      </p:ext>
    </p:extLst>
  </p:cSld>
  <p:clrMapOvr>
    <a:masterClrMapping/>
  </p:clrMapOvr>
  <p:transition spd="slow">
    <p:push dir="u"/>
  </p:transition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38E0AF5-2B4B-32E9-4703-1C6F4BF712F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IN" dirty="0"/>
              <a:t>Training Tool</a:t>
            </a:r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FC22242C-DA3D-E571-57FD-DDC45161AC1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682195553"/>
              </p:ext>
            </p:extLst>
          </p:nvPr>
        </p:nvGraphicFramePr>
        <p:xfrm>
          <a:off x="2170430" y="1934450"/>
          <a:ext cx="7851140" cy="3488969"/>
        </p:xfrm>
        <a:graphic>
          <a:graphicData uri="http://schemas.openxmlformats.org/drawingml/2006/table">
            <a:tbl>
              <a:tblPr firstRow="1" bandRow="1">
                <a:tableStyleId>{8EC20E35-A176-4012-BC5E-935CFFF8708E}</a:tableStyleId>
              </a:tblPr>
              <a:tblGrid>
                <a:gridCol w="3786602">
                  <a:extLst>
                    <a:ext uri="{9D8B030D-6E8A-4147-A177-3AD203B41FA5}">
                      <a16:colId xmlns:a16="http://schemas.microsoft.com/office/drawing/2014/main" val="546910527"/>
                    </a:ext>
                  </a:extLst>
                </a:gridCol>
                <a:gridCol w="4064538">
                  <a:extLst>
                    <a:ext uri="{9D8B030D-6E8A-4147-A177-3AD203B41FA5}">
                      <a16:colId xmlns:a16="http://schemas.microsoft.com/office/drawing/2014/main" val="2702529798"/>
                    </a:ext>
                  </a:extLst>
                </a:gridCol>
              </a:tblGrid>
              <a:tr h="31717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1">
                          <a:solidFill>
                            <a:schemeClr val="bg1"/>
                          </a:solidFill>
                          <a:latin typeface="Roboto Light"/>
                          <a:ea typeface="Roboto Light"/>
                          <a:cs typeface="Roboto Light"/>
                        </a:rPr>
                        <a:t>Tool</a:t>
                      </a:r>
                      <a:endParaRPr lang="en-IN" sz="1100" b="1">
                        <a:solidFill>
                          <a:schemeClr val="bg1"/>
                        </a:solidFill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64A46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1" dirty="0">
                          <a:solidFill>
                            <a:schemeClr val="bg1"/>
                          </a:solidFill>
                          <a:latin typeface="Roboto Light"/>
                          <a:ea typeface="Roboto Light"/>
                          <a:cs typeface="Roboto Light"/>
                        </a:rPr>
                        <a:t>Level  (basic/intermediate/Expert)</a:t>
                      </a:r>
                      <a:endParaRPr lang="en-IN" sz="1100" b="1" dirty="0">
                        <a:solidFill>
                          <a:schemeClr val="bg1"/>
                        </a:solidFill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64A46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862609709"/>
                  </a:ext>
                </a:extLst>
              </a:tr>
              <a:tr h="31717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dirty="0">
                          <a:effectLst/>
                          <a:latin typeface="Roboto Light"/>
                          <a:ea typeface="Roboto Light"/>
                          <a:cs typeface="Roboto Light"/>
                        </a:rPr>
                        <a:t>Articulate Storyline360 </a:t>
                      </a:r>
                      <a:endParaRPr lang="en-IN" sz="1100" dirty="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dirty="0">
                          <a:solidFill>
                            <a:schemeClr val="dk1"/>
                          </a:solidFill>
                          <a:latin typeface="Roboto Light"/>
                          <a:ea typeface="Roboto Light"/>
                          <a:cs typeface="Roboto Light"/>
                        </a:rPr>
                        <a:t>Expert</a:t>
                      </a:r>
                      <a:endParaRPr lang="en-IN" sz="1100" dirty="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8267222"/>
                  </a:ext>
                </a:extLst>
              </a:tr>
              <a:tr h="31717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dirty="0">
                          <a:effectLst/>
                          <a:latin typeface="Roboto Light"/>
                          <a:ea typeface="Roboto Light"/>
                          <a:cs typeface="Roboto Light"/>
                        </a:rPr>
                        <a:t>Articulate Rise</a:t>
                      </a:r>
                      <a:endParaRPr lang="en-IN" sz="1100" dirty="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dirty="0">
                          <a:solidFill>
                            <a:schemeClr val="dk1"/>
                          </a:solidFill>
                          <a:latin typeface="Roboto Light"/>
                          <a:ea typeface="Roboto Light"/>
                          <a:cs typeface="Roboto Light"/>
                        </a:rPr>
                        <a:t>Expert</a:t>
                      </a:r>
                      <a:endParaRPr lang="en-IN" sz="1100" dirty="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671187538"/>
                  </a:ext>
                </a:extLst>
              </a:tr>
              <a:tr h="31717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IN" sz="1100" dirty="0">
                          <a:latin typeface="Roboto Light"/>
                          <a:ea typeface="Roboto Light"/>
                          <a:cs typeface="Roboto Light"/>
                        </a:rPr>
                        <a:t>Adobe Photoshop CC</a:t>
                      </a: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>
                          <a:solidFill>
                            <a:schemeClr val="dk1"/>
                          </a:solidFill>
                          <a:latin typeface="Roboto Light"/>
                          <a:ea typeface="Roboto Light"/>
                          <a:cs typeface="Roboto Light"/>
                        </a:rPr>
                        <a:t>Expert</a:t>
                      </a:r>
                      <a:endParaRPr lang="en-IN" sz="110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13104783"/>
                  </a:ext>
                </a:extLst>
              </a:tr>
              <a:tr h="31717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>
                          <a:solidFill>
                            <a:schemeClr val="dk1"/>
                          </a:solidFill>
                          <a:latin typeface="Roboto Light"/>
                          <a:ea typeface="Roboto Light"/>
                          <a:cs typeface="Roboto Light"/>
                        </a:rPr>
                        <a:t>Audacity</a:t>
                      </a:r>
                      <a:endParaRPr lang="en-IN" sz="110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dirty="0">
                          <a:solidFill>
                            <a:schemeClr val="dk1"/>
                          </a:solidFill>
                          <a:latin typeface="Roboto Light"/>
                          <a:ea typeface="Roboto Light"/>
                          <a:cs typeface="Roboto Light"/>
                        </a:rPr>
                        <a:t>Expert</a:t>
                      </a:r>
                      <a:endParaRPr lang="en-IN" sz="1100" dirty="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714154337"/>
                  </a:ext>
                </a:extLst>
              </a:tr>
              <a:tr h="31717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IN" sz="1100">
                          <a:latin typeface="Roboto Light"/>
                          <a:ea typeface="Roboto Light"/>
                          <a:cs typeface="Roboto Light"/>
                        </a:rPr>
                        <a:t>Adobe Illustrator CC</a:t>
                      </a: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dirty="0">
                          <a:solidFill>
                            <a:schemeClr val="dk1"/>
                          </a:solidFill>
                          <a:latin typeface="Roboto Light"/>
                          <a:ea typeface="Roboto Light"/>
                          <a:cs typeface="Roboto Light"/>
                        </a:rPr>
                        <a:t>Expert</a:t>
                      </a:r>
                      <a:endParaRPr lang="en-IN" sz="1100" dirty="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047849003"/>
                  </a:ext>
                </a:extLst>
              </a:tr>
              <a:tr h="31717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>
                          <a:effectLst/>
                          <a:latin typeface="Roboto Light"/>
                          <a:ea typeface="Roboto Light"/>
                          <a:cs typeface="Roboto Light"/>
                        </a:rPr>
                        <a:t>MS Office Suite (PowerPoint, Word, Excel)</a:t>
                      </a:r>
                      <a:endParaRPr lang="en-IN" sz="110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dirty="0">
                          <a:solidFill>
                            <a:schemeClr val="dk1"/>
                          </a:solidFill>
                          <a:latin typeface="Roboto Light"/>
                          <a:ea typeface="Roboto Light"/>
                          <a:cs typeface="Roboto Light"/>
                        </a:rPr>
                        <a:t>Expert</a:t>
                      </a:r>
                      <a:endParaRPr lang="en-IN" sz="1100" dirty="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576906669"/>
                  </a:ext>
                </a:extLst>
              </a:tr>
              <a:tr h="31717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dirty="0">
                          <a:effectLst/>
                          <a:latin typeface="Roboto Light"/>
                          <a:ea typeface="Roboto Light"/>
                          <a:cs typeface="Roboto Light"/>
                        </a:rPr>
                        <a:t>Vyond</a:t>
                      </a:r>
                      <a:endParaRPr lang="en-IN" sz="1100" dirty="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u="none" strike="noStrike" kern="1200" noProof="0" dirty="0">
                          <a:solidFill>
                            <a:schemeClr val="dk1"/>
                          </a:solidFill>
                          <a:effectLst/>
                          <a:latin typeface="Roboto Light"/>
                          <a:ea typeface="Roboto Light"/>
                          <a:cs typeface="Roboto Light"/>
                        </a:rPr>
                        <a:t>Expert</a:t>
                      </a:r>
                      <a:endParaRPr lang="en-US" sz="1100" dirty="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822455808"/>
                  </a:ext>
                </a:extLst>
              </a:tr>
              <a:tr h="317179">
                <a:tc>
                  <a:txBody>
                    <a:bodyPr/>
                    <a:lstStyle/>
                    <a:p>
                      <a:pPr marL="0" lvl="0" indent="0" algn="l" defTabSz="914400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  <a:tabLst/>
                        <a:defRPr/>
                      </a:pPr>
                      <a:r>
                        <a:rPr lang="en-IN" sz="1100" b="0" i="0" u="none" strike="noStrike" noProof="0">
                          <a:solidFill>
                            <a:srgbClr val="000000"/>
                          </a:solidFill>
                          <a:effectLst/>
                          <a:latin typeface="Roboto Light"/>
                        </a:rPr>
                        <a:t>Camtasia</a:t>
                      </a:r>
                      <a:endParaRPr lang="en-US"/>
                    </a:p>
                  </a:txBody>
                  <a:tcPr>
                    <a:lnL w="6350">
                      <a:solidFill>
                        <a:schemeClr val="bg1">
                          <a:lumMod val="65000"/>
                        </a:schemeClr>
                      </a:solidFill>
                    </a:lnL>
                    <a:lnR w="6350">
                      <a:solidFill>
                        <a:schemeClr val="bg1">
                          <a:lumMod val="65000"/>
                        </a:schemeClr>
                      </a:solidFill>
                    </a:lnR>
                    <a:lnT w="6350">
                      <a:solidFill>
                        <a:schemeClr val="bg1">
                          <a:lumMod val="65000"/>
                        </a:schemeClr>
                      </a:solidFill>
                    </a:lnT>
                    <a:lnB w="6350">
                      <a:solidFill>
                        <a:schemeClr val="bg1">
                          <a:lumMod val="65000"/>
                        </a:schemeClr>
                      </a:solidFill>
                    </a:lnB>
                  </a:tcPr>
                </a:tc>
                <a:tc>
                  <a:txBody>
                    <a:bodyPr/>
                    <a:lstStyle/>
                    <a:p>
                      <a:pPr marL="0" lvl="0" indent="0" algn="l" defTabSz="914400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  <a:tabLst/>
                        <a:defRPr/>
                      </a:pPr>
                      <a:r>
                        <a:rPr lang="en-US" sz="1100" b="0" i="0" u="none" strike="noStrike" kern="1200" noProof="0" dirty="0">
                          <a:solidFill>
                            <a:schemeClr val="dk1"/>
                          </a:solidFill>
                          <a:effectLst/>
                          <a:latin typeface="Roboto Light"/>
                        </a:rPr>
                        <a:t>Expert</a:t>
                      </a:r>
                      <a:endParaRPr lang="en-US" dirty="0"/>
                    </a:p>
                  </a:txBody>
                  <a:tcPr>
                    <a:lnL w="6350">
                      <a:solidFill>
                        <a:schemeClr val="bg1">
                          <a:lumMod val="65000"/>
                        </a:schemeClr>
                      </a:solidFill>
                    </a:lnL>
                    <a:lnR w="6350">
                      <a:solidFill>
                        <a:schemeClr val="bg1">
                          <a:lumMod val="65000"/>
                        </a:schemeClr>
                      </a:solidFill>
                    </a:lnR>
                    <a:lnT w="6350">
                      <a:solidFill>
                        <a:schemeClr val="bg1">
                          <a:lumMod val="65000"/>
                        </a:schemeClr>
                      </a:solidFill>
                    </a:lnT>
                    <a:lnB w="6350">
                      <a:solidFill>
                        <a:schemeClr val="bg1">
                          <a:lumMod val="65000"/>
                        </a:schemeClr>
                      </a:solidFill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890203629"/>
                  </a:ext>
                </a:extLst>
              </a:tr>
              <a:tr h="317179">
                <a:tc>
                  <a:txBody>
                    <a:bodyPr/>
                    <a:lstStyle/>
                    <a:p>
                      <a:pPr marL="0" lvl="0" indent="0" algn="l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en-IN" sz="1100" b="0" i="0" u="none" strike="noStrike" noProof="0">
                          <a:solidFill>
                            <a:srgbClr val="000000"/>
                          </a:solidFill>
                          <a:latin typeface="Roboto Light"/>
                        </a:rPr>
                        <a:t>Adobe Premiere Pro</a:t>
                      </a:r>
                      <a:endParaRPr lang="en-IN" sz="110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100" kern="1200" dirty="0">
                          <a:solidFill>
                            <a:schemeClr val="dk1"/>
                          </a:solidFill>
                          <a:effectLst/>
                          <a:latin typeface="Roboto Light"/>
                          <a:ea typeface="Roboto Light"/>
                          <a:cs typeface="Roboto Light"/>
                        </a:rPr>
                        <a:t>Intermediate</a:t>
                      </a: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055604014"/>
                  </a:ext>
                </a:extLst>
              </a:tr>
              <a:tr h="31717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IN" sz="1100">
                          <a:latin typeface="Roboto Light"/>
                          <a:ea typeface="Roboto Light"/>
                          <a:cs typeface="Roboto Light"/>
                        </a:rPr>
                        <a:t>Adobe XD </a:t>
                      </a: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100" kern="1200" dirty="0">
                          <a:solidFill>
                            <a:schemeClr val="dk1"/>
                          </a:solidFill>
                          <a:effectLst/>
                          <a:latin typeface="Roboto Light"/>
                          <a:ea typeface="Roboto Light"/>
                          <a:cs typeface="Roboto Light"/>
                        </a:rPr>
                        <a:t>Intermediate</a:t>
                      </a:r>
                      <a:endParaRPr lang="en-IN" sz="1100" dirty="0">
                        <a:latin typeface="Roboto Light"/>
                        <a:ea typeface="Roboto Light"/>
                        <a:cs typeface="Roboto Light"/>
                      </a:endParaRPr>
                    </a:p>
                  </a:txBody>
                  <a:tcPr>
                    <a:lnL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4020533031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314984068"/>
      </p:ext>
    </p:extLst>
  </p:cSld>
  <p:clrMapOvr>
    <a:masterClrMapping/>
  </p:clrMapOvr>
  <p:transition spd="slow">
    <p:push dir="u"/>
  </p:transition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>
            <a:extLst>
              <a:ext uri="{FF2B5EF4-FFF2-40B4-BE49-F238E27FC236}">
                <a16:creationId xmlns:a16="http://schemas.microsoft.com/office/drawing/2014/main" id="{F7F0C99B-EC7A-181E-4E8F-1ACEA5816769}"/>
              </a:ext>
            </a:extLst>
          </p:cNvPr>
          <p:cNvSpPr txBox="1">
            <a:spLocks/>
          </p:cNvSpPr>
          <p:nvPr/>
        </p:nvSpPr>
        <p:spPr>
          <a:xfrm>
            <a:off x="695325" y="3090862"/>
            <a:ext cx="4222115" cy="676275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IN" sz="2800">
                <a:solidFill>
                  <a:schemeClr val="tx1">
                    <a:lumMod val="75000"/>
                    <a:lumOff val="25000"/>
                  </a:schemeClr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ank You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107449"/>
      </p:ext>
    </p:extLst>
  </p:cSld>
  <p:clrMapOvr>
    <a:masterClrMapping/>
  </p:clrMapOvr>
  <p:transition spd="slow">
    <p:push dir="u"/>
  </p:transition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4" name="Picture 43" descr="A computer on a desk&#10;&#10;Description automatically generated">
            <a:extLst>
              <a:ext uri="{FF2B5EF4-FFF2-40B4-BE49-F238E27FC236}">
                <a16:creationId xmlns:a16="http://schemas.microsoft.com/office/drawing/2014/main" id="{3CA832E3-5727-4302-8F88-EB4D4150FB25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33919" y="4687"/>
            <a:ext cx="3858081" cy="6858000"/>
          </a:xfrm>
          <a:prstGeom prst="rect">
            <a:avLst/>
          </a:prstGeom>
        </p:spPr>
      </p:pic>
      <p:sp>
        <p:nvSpPr>
          <p:cNvPr id="2" name="Title 1">
            <a:extLst>
              <a:ext uri="{FF2B5EF4-FFF2-40B4-BE49-F238E27FC236}">
                <a16:creationId xmlns:a16="http://schemas.microsoft.com/office/drawing/2014/main" id="{D1EF874A-A343-5619-9574-D2E92AA4BC1A}"/>
              </a:ext>
            </a:extLst>
          </p:cNvPr>
          <p:cNvSpPr>
            <a:spLocks noGrp="1"/>
          </p:cNvSpPr>
          <p:nvPr>
            <p:ph type="title" idx="4294967295"/>
          </p:nvPr>
        </p:nvSpPr>
        <p:spPr>
          <a:xfrm>
            <a:off x="1231104" y="327430"/>
            <a:ext cx="7020109" cy="676275"/>
          </a:xfr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IN" sz="2400" dirty="0">
                <a:solidFill>
                  <a:srgbClr val="F64A46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 visual timeline</a:t>
            </a:r>
          </a:p>
        </p:txBody>
      </p:sp>
      <p:sp>
        <p:nvSpPr>
          <p:cNvPr id="7" name="Freeform: Shape 6">
            <a:extLst>
              <a:ext uri="{FF2B5EF4-FFF2-40B4-BE49-F238E27FC236}">
                <a16:creationId xmlns:a16="http://schemas.microsoft.com/office/drawing/2014/main" id="{B8261268-D15B-4E4A-A4C4-AE7FDB94990D}"/>
              </a:ext>
            </a:extLst>
          </p:cNvPr>
          <p:cNvSpPr/>
          <p:nvPr/>
        </p:nvSpPr>
        <p:spPr>
          <a:xfrm>
            <a:off x="1259204" y="1062990"/>
            <a:ext cx="1064894" cy="1064895"/>
          </a:xfrm>
          <a:custGeom>
            <a:avLst/>
            <a:gdLst>
              <a:gd name="connsiteX0" fmla="*/ 0 w 1064894"/>
              <a:gd name="connsiteY0" fmla="*/ 0 h 1064895"/>
              <a:gd name="connsiteX1" fmla="*/ 1064894 w 1064894"/>
              <a:gd name="connsiteY1" fmla="*/ 0 h 1064895"/>
              <a:gd name="connsiteX2" fmla="*/ 1064894 w 1064894"/>
              <a:gd name="connsiteY2" fmla="*/ 1064895 h 1064895"/>
              <a:gd name="connsiteX3" fmla="*/ 0 w 1064894"/>
              <a:gd name="connsiteY3" fmla="*/ 1064895 h 106489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064894" h="1064895">
                <a:moveTo>
                  <a:pt x="0" y="0"/>
                </a:moveTo>
                <a:lnTo>
                  <a:pt x="1064894" y="0"/>
                </a:lnTo>
                <a:lnTo>
                  <a:pt x="1064894" y="1064895"/>
                </a:lnTo>
                <a:lnTo>
                  <a:pt x="0" y="1064895"/>
                </a:lnTo>
                <a:close/>
              </a:path>
            </a:pathLst>
          </a:custGeom>
          <a:solidFill>
            <a:srgbClr val="5C5C5C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8" name="Freeform: Shape 7">
            <a:extLst>
              <a:ext uri="{FF2B5EF4-FFF2-40B4-BE49-F238E27FC236}">
                <a16:creationId xmlns:a16="http://schemas.microsoft.com/office/drawing/2014/main" id="{CEAE5483-163C-47D4-AD0E-1535CEC75394}"/>
              </a:ext>
            </a:extLst>
          </p:cNvPr>
          <p:cNvSpPr/>
          <p:nvPr/>
        </p:nvSpPr>
        <p:spPr>
          <a:xfrm>
            <a:off x="1259204" y="2491105"/>
            <a:ext cx="1064894" cy="1064895"/>
          </a:xfrm>
          <a:custGeom>
            <a:avLst/>
            <a:gdLst>
              <a:gd name="connsiteX0" fmla="*/ 0 w 1064894"/>
              <a:gd name="connsiteY0" fmla="*/ 0 h 1064895"/>
              <a:gd name="connsiteX1" fmla="*/ 1064894 w 1064894"/>
              <a:gd name="connsiteY1" fmla="*/ 0 h 1064895"/>
              <a:gd name="connsiteX2" fmla="*/ 1064894 w 1064894"/>
              <a:gd name="connsiteY2" fmla="*/ 1064895 h 1064895"/>
              <a:gd name="connsiteX3" fmla="*/ 0 w 1064894"/>
              <a:gd name="connsiteY3" fmla="*/ 1064895 h 106489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064894" h="1064895">
                <a:moveTo>
                  <a:pt x="0" y="0"/>
                </a:moveTo>
                <a:lnTo>
                  <a:pt x="1064894" y="0"/>
                </a:lnTo>
                <a:lnTo>
                  <a:pt x="1064894" y="1064895"/>
                </a:lnTo>
                <a:lnTo>
                  <a:pt x="0" y="1064895"/>
                </a:lnTo>
                <a:close/>
              </a:path>
            </a:pathLst>
          </a:custGeom>
          <a:solidFill>
            <a:srgbClr val="F64A46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9" name="Freeform: Shape 8">
            <a:extLst>
              <a:ext uri="{FF2B5EF4-FFF2-40B4-BE49-F238E27FC236}">
                <a16:creationId xmlns:a16="http://schemas.microsoft.com/office/drawing/2014/main" id="{A1DBE8AD-4FE0-4458-ACC0-C0F7C10C497A}"/>
              </a:ext>
            </a:extLst>
          </p:cNvPr>
          <p:cNvSpPr/>
          <p:nvPr/>
        </p:nvSpPr>
        <p:spPr>
          <a:xfrm>
            <a:off x="1259204" y="3915092"/>
            <a:ext cx="1064894" cy="1064894"/>
          </a:xfrm>
          <a:custGeom>
            <a:avLst/>
            <a:gdLst>
              <a:gd name="connsiteX0" fmla="*/ 0 w 1064894"/>
              <a:gd name="connsiteY0" fmla="*/ 0 h 1064894"/>
              <a:gd name="connsiteX1" fmla="*/ 1064894 w 1064894"/>
              <a:gd name="connsiteY1" fmla="*/ 0 h 1064894"/>
              <a:gd name="connsiteX2" fmla="*/ 1064894 w 1064894"/>
              <a:gd name="connsiteY2" fmla="*/ 1064895 h 1064894"/>
              <a:gd name="connsiteX3" fmla="*/ 0 w 1064894"/>
              <a:gd name="connsiteY3" fmla="*/ 1064895 h 106489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064894" h="1064894">
                <a:moveTo>
                  <a:pt x="0" y="0"/>
                </a:moveTo>
                <a:lnTo>
                  <a:pt x="1064894" y="0"/>
                </a:lnTo>
                <a:lnTo>
                  <a:pt x="1064894" y="1064895"/>
                </a:lnTo>
                <a:lnTo>
                  <a:pt x="0" y="1064895"/>
                </a:lnTo>
                <a:close/>
              </a:path>
            </a:pathLst>
          </a:custGeom>
          <a:solidFill>
            <a:srgbClr val="858585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10" name="Freeform: Shape 9">
            <a:extLst>
              <a:ext uri="{FF2B5EF4-FFF2-40B4-BE49-F238E27FC236}">
                <a16:creationId xmlns:a16="http://schemas.microsoft.com/office/drawing/2014/main" id="{37AC5816-AA5C-48AC-A04E-1601C8EE5F01}"/>
              </a:ext>
            </a:extLst>
          </p:cNvPr>
          <p:cNvSpPr/>
          <p:nvPr/>
        </p:nvSpPr>
        <p:spPr>
          <a:xfrm>
            <a:off x="1259204" y="5339080"/>
            <a:ext cx="1064894" cy="1064895"/>
          </a:xfrm>
          <a:custGeom>
            <a:avLst/>
            <a:gdLst>
              <a:gd name="connsiteX0" fmla="*/ 0 w 1064894"/>
              <a:gd name="connsiteY0" fmla="*/ 0 h 1064895"/>
              <a:gd name="connsiteX1" fmla="*/ 1064894 w 1064894"/>
              <a:gd name="connsiteY1" fmla="*/ 0 h 1064895"/>
              <a:gd name="connsiteX2" fmla="*/ 1064894 w 1064894"/>
              <a:gd name="connsiteY2" fmla="*/ 1064895 h 1064895"/>
              <a:gd name="connsiteX3" fmla="*/ 0 w 1064894"/>
              <a:gd name="connsiteY3" fmla="*/ 1064895 h 106489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064894" h="1064895">
                <a:moveTo>
                  <a:pt x="0" y="0"/>
                </a:moveTo>
                <a:lnTo>
                  <a:pt x="1064894" y="0"/>
                </a:lnTo>
                <a:lnTo>
                  <a:pt x="1064894" y="1064895"/>
                </a:lnTo>
                <a:lnTo>
                  <a:pt x="0" y="1064895"/>
                </a:lnTo>
                <a:close/>
              </a:path>
            </a:pathLst>
          </a:custGeom>
          <a:solidFill>
            <a:srgbClr val="B3B3B3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11" name="Freeform: Shape 10">
            <a:extLst>
              <a:ext uri="{FF2B5EF4-FFF2-40B4-BE49-F238E27FC236}">
                <a16:creationId xmlns:a16="http://schemas.microsoft.com/office/drawing/2014/main" id="{3C07BC8B-C7B1-45BE-9353-6A3FD116C929}"/>
              </a:ext>
            </a:extLst>
          </p:cNvPr>
          <p:cNvSpPr/>
          <p:nvPr/>
        </p:nvSpPr>
        <p:spPr>
          <a:xfrm>
            <a:off x="549274" y="0"/>
            <a:ext cx="28892" cy="6840000"/>
          </a:xfrm>
          <a:custGeom>
            <a:avLst/>
            <a:gdLst>
              <a:gd name="connsiteX0" fmla="*/ 0 w 28892"/>
              <a:gd name="connsiteY0" fmla="*/ 0 h 6170612"/>
              <a:gd name="connsiteX1" fmla="*/ 28892 w 28892"/>
              <a:gd name="connsiteY1" fmla="*/ 0 h 6170612"/>
              <a:gd name="connsiteX2" fmla="*/ 28892 w 28892"/>
              <a:gd name="connsiteY2" fmla="*/ 6170613 h 6170612"/>
              <a:gd name="connsiteX3" fmla="*/ 0 w 28892"/>
              <a:gd name="connsiteY3" fmla="*/ 6170613 h 617061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28892" h="6170612">
                <a:moveTo>
                  <a:pt x="0" y="0"/>
                </a:moveTo>
                <a:lnTo>
                  <a:pt x="28892" y="0"/>
                </a:lnTo>
                <a:lnTo>
                  <a:pt x="28892" y="6170613"/>
                </a:lnTo>
                <a:lnTo>
                  <a:pt x="0" y="6170613"/>
                </a:lnTo>
                <a:close/>
              </a:path>
            </a:pathLst>
          </a:custGeom>
          <a:solidFill>
            <a:srgbClr val="858585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12" name="Freeform: Shape 11">
            <a:extLst>
              <a:ext uri="{FF2B5EF4-FFF2-40B4-BE49-F238E27FC236}">
                <a16:creationId xmlns:a16="http://schemas.microsoft.com/office/drawing/2014/main" id="{90800E92-905B-45D7-A599-D7BF04681E68}"/>
              </a:ext>
            </a:extLst>
          </p:cNvPr>
          <p:cNvSpPr/>
          <p:nvPr/>
        </p:nvSpPr>
        <p:spPr>
          <a:xfrm>
            <a:off x="541019" y="1583055"/>
            <a:ext cx="722312" cy="24765"/>
          </a:xfrm>
          <a:custGeom>
            <a:avLst/>
            <a:gdLst>
              <a:gd name="connsiteX0" fmla="*/ 0 w 722312"/>
              <a:gd name="connsiteY0" fmla="*/ 0 h 24765"/>
              <a:gd name="connsiteX1" fmla="*/ 722312 w 722312"/>
              <a:gd name="connsiteY1" fmla="*/ 0 h 24765"/>
              <a:gd name="connsiteX2" fmla="*/ 722312 w 722312"/>
              <a:gd name="connsiteY2" fmla="*/ 24765 h 24765"/>
              <a:gd name="connsiteX3" fmla="*/ 0 w 722312"/>
              <a:gd name="connsiteY3" fmla="*/ 24765 h 2476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722312" h="24765">
                <a:moveTo>
                  <a:pt x="0" y="0"/>
                </a:moveTo>
                <a:lnTo>
                  <a:pt x="722312" y="0"/>
                </a:lnTo>
                <a:lnTo>
                  <a:pt x="722312" y="24765"/>
                </a:lnTo>
                <a:lnTo>
                  <a:pt x="0" y="24765"/>
                </a:lnTo>
                <a:close/>
              </a:path>
            </a:pathLst>
          </a:custGeom>
          <a:solidFill>
            <a:srgbClr val="858585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13" name="Freeform: Shape 12">
            <a:extLst>
              <a:ext uri="{FF2B5EF4-FFF2-40B4-BE49-F238E27FC236}">
                <a16:creationId xmlns:a16="http://schemas.microsoft.com/office/drawing/2014/main" id="{8C927D6A-7428-4D62-8824-44DF4A41D4B4}"/>
              </a:ext>
            </a:extLst>
          </p:cNvPr>
          <p:cNvSpPr/>
          <p:nvPr/>
        </p:nvSpPr>
        <p:spPr>
          <a:xfrm>
            <a:off x="474980" y="1508760"/>
            <a:ext cx="177482" cy="177482"/>
          </a:xfrm>
          <a:custGeom>
            <a:avLst/>
            <a:gdLst>
              <a:gd name="connsiteX0" fmla="*/ 0 w 177482"/>
              <a:gd name="connsiteY0" fmla="*/ 0 h 177482"/>
              <a:gd name="connsiteX1" fmla="*/ 177482 w 177482"/>
              <a:gd name="connsiteY1" fmla="*/ 0 h 177482"/>
              <a:gd name="connsiteX2" fmla="*/ 177482 w 177482"/>
              <a:gd name="connsiteY2" fmla="*/ 177483 h 177482"/>
              <a:gd name="connsiteX3" fmla="*/ 0 w 177482"/>
              <a:gd name="connsiteY3" fmla="*/ 177483 h 17748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77482" h="177482">
                <a:moveTo>
                  <a:pt x="0" y="0"/>
                </a:moveTo>
                <a:lnTo>
                  <a:pt x="177482" y="0"/>
                </a:lnTo>
                <a:lnTo>
                  <a:pt x="177482" y="177483"/>
                </a:lnTo>
                <a:lnTo>
                  <a:pt x="0" y="177483"/>
                </a:lnTo>
                <a:close/>
              </a:path>
            </a:pathLst>
          </a:custGeom>
          <a:solidFill>
            <a:srgbClr val="858585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14" name="Freeform: Shape 13">
            <a:extLst>
              <a:ext uri="{FF2B5EF4-FFF2-40B4-BE49-F238E27FC236}">
                <a16:creationId xmlns:a16="http://schemas.microsoft.com/office/drawing/2014/main" id="{4FD81EFC-4D59-4841-95B9-DB789D57165F}"/>
              </a:ext>
            </a:extLst>
          </p:cNvPr>
          <p:cNvSpPr/>
          <p:nvPr/>
        </p:nvSpPr>
        <p:spPr>
          <a:xfrm>
            <a:off x="553402" y="3007042"/>
            <a:ext cx="709929" cy="24764"/>
          </a:xfrm>
          <a:custGeom>
            <a:avLst/>
            <a:gdLst>
              <a:gd name="connsiteX0" fmla="*/ 0 w 709929"/>
              <a:gd name="connsiteY0" fmla="*/ 0 h 24764"/>
              <a:gd name="connsiteX1" fmla="*/ 709930 w 709929"/>
              <a:gd name="connsiteY1" fmla="*/ 0 h 24764"/>
              <a:gd name="connsiteX2" fmla="*/ 709930 w 709929"/>
              <a:gd name="connsiteY2" fmla="*/ 24765 h 24764"/>
              <a:gd name="connsiteX3" fmla="*/ 0 w 709929"/>
              <a:gd name="connsiteY3" fmla="*/ 24765 h 247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709929" h="24764">
                <a:moveTo>
                  <a:pt x="0" y="0"/>
                </a:moveTo>
                <a:lnTo>
                  <a:pt x="709930" y="0"/>
                </a:lnTo>
                <a:lnTo>
                  <a:pt x="709930" y="24765"/>
                </a:lnTo>
                <a:lnTo>
                  <a:pt x="0" y="24765"/>
                </a:lnTo>
                <a:close/>
              </a:path>
            </a:pathLst>
          </a:custGeom>
          <a:solidFill>
            <a:srgbClr val="858585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15" name="Freeform: Shape 14">
            <a:extLst>
              <a:ext uri="{FF2B5EF4-FFF2-40B4-BE49-F238E27FC236}">
                <a16:creationId xmlns:a16="http://schemas.microsoft.com/office/drawing/2014/main" id="{DEC55E76-BE1F-4D2D-ADE6-374DB794FB16}"/>
              </a:ext>
            </a:extLst>
          </p:cNvPr>
          <p:cNvSpPr/>
          <p:nvPr/>
        </p:nvSpPr>
        <p:spPr>
          <a:xfrm>
            <a:off x="474980" y="2932747"/>
            <a:ext cx="177482" cy="177482"/>
          </a:xfrm>
          <a:custGeom>
            <a:avLst/>
            <a:gdLst>
              <a:gd name="connsiteX0" fmla="*/ 0 w 177482"/>
              <a:gd name="connsiteY0" fmla="*/ 0 h 177482"/>
              <a:gd name="connsiteX1" fmla="*/ 177482 w 177482"/>
              <a:gd name="connsiteY1" fmla="*/ 0 h 177482"/>
              <a:gd name="connsiteX2" fmla="*/ 177482 w 177482"/>
              <a:gd name="connsiteY2" fmla="*/ 177482 h 177482"/>
              <a:gd name="connsiteX3" fmla="*/ 0 w 177482"/>
              <a:gd name="connsiteY3" fmla="*/ 177482 h 17748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77482" h="177482">
                <a:moveTo>
                  <a:pt x="0" y="0"/>
                </a:moveTo>
                <a:lnTo>
                  <a:pt x="177482" y="0"/>
                </a:lnTo>
                <a:lnTo>
                  <a:pt x="177482" y="177482"/>
                </a:lnTo>
                <a:lnTo>
                  <a:pt x="0" y="177482"/>
                </a:lnTo>
                <a:close/>
              </a:path>
            </a:pathLst>
          </a:custGeom>
          <a:solidFill>
            <a:srgbClr val="858585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16" name="Freeform: Shape 15">
            <a:extLst>
              <a:ext uri="{FF2B5EF4-FFF2-40B4-BE49-F238E27FC236}">
                <a16:creationId xmlns:a16="http://schemas.microsoft.com/office/drawing/2014/main" id="{797A394D-0BDB-44F8-AEBF-70FBE109A157}"/>
              </a:ext>
            </a:extLst>
          </p:cNvPr>
          <p:cNvSpPr/>
          <p:nvPr/>
        </p:nvSpPr>
        <p:spPr>
          <a:xfrm>
            <a:off x="565784" y="4431030"/>
            <a:ext cx="709929" cy="24765"/>
          </a:xfrm>
          <a:custGeom>
            <a:avLst/>
            <a:gdLst>
              <a:gd name="connsiteX0" fmla="*/ 0 w 709929"/>
              <a:gd name="connsiteY0" fmla="*/ 0 h 24765"/>
              <a:gd name="connsiteX1" fmla="*/ 709930 w 709929"/>
              <a:gd name="connsiteY1" fmla="*/ 0 h 24765"/>
              <a:gd name="connsiteX2" fmla="*/ 709930 w 709929"/>
              <a:gd name="connsiteY2" fmla="*/ 24765 h 24765"/>
              <a:gd name="connsiteX3" fmla="*/ 0 w 709929"/>
              <a:gd name="connsiteY3" fmla="*/ 24765 h 2476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709929" h="24765">
                <a:moveTo>
                  <a:pt x="0" y="0"/>
                </a:moveTo>
                <a:lnTo>
                  <a:pt x="709930" y="0"/>
                </a:lnTo>
                <a:lnTo>
                  <a:pt x="709930" y="24765"/>
                </a:lnTo>
                <a:lnTo>
                  <a:pt x="0" y="24765"/>
                </a:lnTo>
                <a:close/>
              </a:path>
            </a:pathLst>
          </a:custGeom>
          <a:solidFill>
            <a:srgbClr val="858585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17" name="Freeform: Shape 16">
            <a:extLst>
              <a:ext uri="{FF2B5EF4-FFF2-40B4-BE49-F238E27FC236}">
                <a16:creationId xmlns:a16="http://schemas.microsoft.com/office/drawing/2014/main" id="{A67CB007-BFD5-47D0-A982-4835303DBCD3}"/>
              </a:ext>
            </a:extLst>
          </p:cNvPr>
          <p:cNvSpPr/>
          <p:nvPr/>
        </p:nvSpPr>
        <p:spPr>
          <a:xfrm>
            <a:off x="474980" y="4356735"/>
            <a:ext cx="177482" cy="177482"/>
          </a:xfrm>
          <a:custGeom>
            <a:avLst/>
            <a:gdLst>
              <a:gd name="connsiteX0" fmla="*/ 0 w 177482"/>
              <a:gd name="connsiteY0" fmla="*/ 0 h 177482"/>
              <a:gd name="connsiteX1" fmla="*/ 177482 w 177482"/>
              <a:gd name="connsiteY1" fmla="*/ 0 h 177482"/>
              <a:gd name="connsiteX2" fmla="*/ 177482 w 177482"/>
              <a:gd name="connsiteY2" fmla="*/ 177482 h 177482"/>
              <a:gd name="connsiteX3" fmla="*/ 0 w 177482"/>
              <a:gd name="connsiteY3" fmla="*/ 177482 h 17748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77482" h="177482">
                <a:moveTo>
                  <a:pt x="0" y="0"/>
                </a:moveTo>
                <a:lnTo>
                  <a:pt x="177482" y="0"/>
                </a:lnTo>
                <a:lnTo>
                  <a:pt x="177482" y="177482"/>
                </a:lnTo>
                <a:lnTo>
                  <a:pt x="0" y="177482"/>
                </a:lnTo>
                <a:close/>
              </a:path>
            </a:pathLst>
          </a:custGeom>
          <a:solidFill>
            <a:srgbClr val="858585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18" name="Freeform: Shape 17">
            <a:extLst>
              <a:ext uri="{FF2B5EF4-FFF2-40B4-BE49-F238E27FC236}">
                <a16:creationId xmlns:a16="http://schemas.microsoft.com/office/drawing/2014/main" id="{B6698138-8A7A-4C9D-8580-E57215950BA6}"/>
              </a:ext>
            </a:extLst>
          </p:cNvPr>
          <p:cNvSpPr/>
          <p:nvPr/>
        </p:nvSpPr>
        <p:spPr>
          <a:xfrm>
            <a:off x="578167" y="5859145"/>
            <a:ext cx="685164" cy="28892"/>
          </a:xfrm>
          <a:custGeom>
            <a:avLst/>
            <a:gdLst>
              <a:gd name="connsiteX0" fmla="*/ 0 w 685164"/>
              <a:gd name="connsiteY0" fmla="*/ 0 h 28892"/>
              <a:gd name="connsiteX1" fmla="*/ 685165 w 685164"/>
              <a:gd name="connsiteY1" fmla="*/ 0 h 28892"/>
              <a:gd name="connsiteX2" fmla="*/ 685165 w 685164"/>
              <a:gd name="connsiteY2" fmla="*/ 28892 h 28892"/>
              <a:gd name="connsiteX3" fmla="*/ 0 w 685164"/>
              <a:gd name="connsiteY3" fmla="*/ 28892 h 2889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685164" h="28892">
                <a:moveTo>
                  <a:pt x="0" y="0"/>
                </a:moveTo>
                <a:lnTo>
                  <a:pt x="685165" y="0"/>
                </a:lnTo>
                <a:lnTo>
                  <a:pt x="685165" y="28892"/>
                </a:lnTo>
                <a:lnTo>
                  <a:pt x="0" y="28892"/>
                </a:lnTo>
                <a:close/>
              </a:path>
            </a:pathLst>
          </a:custGeom>
          <a:solidFill>
            <a:srgbClr val="858585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19" name="Freeform: Shape 18">
            <a:extLst>
              <a:ext uri="{FF2B5EF4-FFF2-40B4-BE49-F238E27FC236}">
                <a16:creationId xmlns:a16="http://schemas.microsoft.com/office/drawing/2014/main" id="{A9666A74-B083-408B-BCBF-CD803141A1D1}"/>
              </a:ext>
            </a:extLst>
          </p:cNvPr>
          <p:cNvSpPr/>
          <p:nvPr/>
        </p:nvSpPr>
        <p:spPr>
          <a:xfrm>
            <a:off x="474980" y="5784850"/>
            <a:ext cx="177482" cy="177482"/>
          </a:xfrm>
          <a:custGeom>
            <a:avLst/>
            <a:gdLst>
              <a:gd name="connsiteX0" fmla="*/ 0 w 177482"/>
              <a:gd name="connsiteY0" fmla="*/ 0 h 177482"/>
              <a:gd name="connsiteX1" fmla="*/ 177482 w 177482"/>
              <a:gd name="connsiteY1" fmla="*/ 0 h 177482"/>
              <a:gd name="connsiteX2" fmla="*/ 177482 w 177482"/>
              <a:gd name="connsiteY2" fmla="*/ 177482 h 177482"/>
              <a:gd name="connsiteX3" fmla="*/ 0 w 177482"/>
              <a:gd name="connsiteY3" fmla="*/ 177482 h 17748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77482" h="177482">
                <a:moveTo>
                  <a:pt x="0" y="0"/>
                </a:moveTo>
                <a:lnTo>
                  <a:pt x="177482" y="0"/>
                </a:lnTo>
                <a:lnTo>
                  <a:pt x="177482" y="177482"/>
                </a:lnTo>
                <a:lnTo>
                  <a:pt x="0" y="177482"/>
                </a:lnTo>
                <a:close/>
              </a:path>
            </a:pathLst>
          </a:custGeom>
          <a:solidFill>
            <a:srgbClr val="858585"/>
          </a:solidFill>
          <a:ln w="0" cap="flat">
            <a:noFill/>
            <a:prstDash val="solid"/>
            <a:miter/>
          </a:ln>
        </p:spPr>
        <p:txBody>
          <a:bodyPr rtlCol="0" anchor="ctr"/>
          <a:lstStyle/>
          <a:p>
            <a:endParaRPr lang="en-IN"/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D9519D07-3402-42BB-B32F-A103368C2430}"/>
              </a:ext>
            </a:extLst>
          </p:cNvPr>
          <p:cNvSpPr txBox="1"/>
          <p:nvPr/>
        </p:nvSpPr>
        <p:spPr>
          <a:xfrm>
            <a:off x="2728207" y="1352222"/>
            <a:ext cx="24130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kumimoji="0" lang="en-CA" sz="2400" b="0" i="0" u="none" strike="noStrike" kern="1200" cap="none" spc="0" normalizeH="0" baseline="0" noProof="0">
                <a:ln>
                  <a:noFill/>
                </a:ln>
                <a:effectLst/>
                <a:uLnTx/>
                <a:uFillTx/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Introduction</a:t>
            </a:r>
            <a:endParaRPr lang="en-US" sz="2400" kern="1200">
              <a:effectLst/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29" name="TextBox 28">
            <a:extLst>
              <a:ext uri="{FF2B5EF4-FFF2-40B4-BE49-F238E27FC236}">
                <a16:creationId xmlns:a16="http://schemas.microsoft.com/office/drawing/2014/main" id="{353CC664-0AC2-4407-B7E3-600E4345EF8A}"/>
              </a:ext>
            </a:extLst>
          </p:cNvPr>
          <p:cNvSpPr txBox="1"/>
          <p:nvPr/>
        </p:nvSpPr>
        <p:spPr>
          <a:xfrm>
            <a:off x="2728207" y="2776209"/>
            <a:ext cx="17526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kern="1200">
                <a:effectLst/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Skill sets </a:t>
            </a:r>
          </a:p>
        </p:txBody>
      </p:sp>
      <p:sp>
        <p:nvSpPr>
          <p:cNvPr id="30" name="TextBox 29">
            <a:extLst>
              <a:ext uri="{FF2B5EF4-FFF2-40B4-BE49-F238E27FC236}">
                <a16:creationId xmlns:a16="http://schemas.microsoft.com/office/drawing/2014/main" id="{C39F34B1-533C-414C-8EA3-D7AD3D943C72}"/>
              </a:ext>
            </a:extLst>
          </p:cNvPr>
          <p:cNvSpPr txBox="1"/>
          <p:nvPr/>
        </p:nvSpPr>
        <p:spPr>
          <a:xfrm>
            <a:off x="2728207" y="4224961"/>
            <a:ext cx="17526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2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Work</a:t>
            </a:r>
            <a:endParaRPr lang="en-IN" sz="2400"/>
          </a:p>
        </p:txBody>
      </p:sp>
      <p:sp>
        <p:nvSpPr>
          <p:cNvPr id="31" name="TextBox 30">
            <a:extLst>
              <a:ext uri="{FF2B5EF4-FFF2-40B4-BE49-F238E27FC236}">
                <a16:creationId xmlns:a16="http://schemas.microsoft.com/office/drawing/2014/main" id="{519C02FA-980E-4E05-BC21-C02C706BCBC1}"/>
              </a:ext>
            </a:extLst>
          </p:cNvPr>
          <p:cNvSpPr txBox="1"/>
          <p:nvPr/>
        </p:nvSpPr>
        <p:spPr>
          <a:xfrm>
            <a:off x="2728207" y="5628311"/>
            <a:ext cx="2012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raining Tool</a:t>
            </a:r>
            <a:endParaRPr lang="en-US" sz="2400" kern="1200">
              <a:effectLst/>
              <a:highlight>
                <a:srgbClr val="FFFF00"/>
              </a:highlight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50" name="TextBox 49">
            <a:extLst>
              <a:ext uri="{FF2B5EF4-FFF2-40B4-BE49-F238E27FC236}">
                <a16:creationId xmlns:a16="http://schemas.microsoft.com/office/drawing/2014/main" id="{15EE8807-5190-4C6A-B31B-1D5B9C145427}"/>
              </a:ext>
            </a:extLst>
          </p:cNvPr>
          <p:cNvSpPr txBox="1"/>
          <p:nvPr/>
        </p:nvSpPr>
        <p:spPr>
          <a:xfrm>
            <a:off x="1385218" y="1210716"/>
            <a:ext cx="903671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>
                <a:solidFill>
                  <a:schemeClr val="bg1"/>
                </a:solidFill>
                <a:latin typeface="Abadi Extra Light" panose="020B0204020104020204" pitchFamily="34" charset="0"/>
              </a:rPr>
              <a:t>01</a:t>
            </a:r>
            <a:endParaRPr lang="en-IN" sz="2800">
              <a:solidFill>
                <a:schemeClr val="bg1"/>
              </a:solidFill>
              <a:latin typeface="Abadi Extra Light" panose="020B0204020104020204" pitchFamily="34" charset="0"/>
            </a:endParaRPr>
          </a:p>
        </p:txBody>
      </p:sp>
      <p:sp>
        <p:nvSpPr>
          <p:cNvPr id="51" name="TextBox 50">
            <a:extLst>
              <a:ext uri="{FF2B5EF4-FFF2-40B4-BE49-F238E27FC236}">
                <a16:creationId xmlns:a16="http://schemas.microsoft.com/office/drawing/2014/main" id="{3ECFC467-DE8B-4565-9EC1-C41DABC7DEE0}"/>
              </a:ext>
            </a:extLst>
          </p:cNvPr>
          <p:cNvSpPr txBox="1"/>
          <p:nvPr/>
        </p:nvSpPr>
        <p:spPr>
          <a:xfrm>
            <a:off x="1418237" y="2659559"/>
            <a:ext cx="903671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>
                <a:solidFill>
                  <a:schemeClr val="bg1"/>
                </a:solidFill>
                <a:latin typeface="Abadi Extra Light" panose="020B0204020104020204" pitchFamily="34" charset="0"/>
              </a:rPr>
              <a:t>02</a:t>
            </a:r>
            <a:endParaRPr lang="en-IN" sz="2800">
              <a:solidFill>
                <a:schemeClr val="bg1"/>
              </a:solidFill>
              <a:latin typeface="Abadi Extra Light" panose="020B0204020104020204" pitchFamily="34" charset="0"/>
            </a:endParaRPr>
          </a:p>
        </p:txBody>
      </p:sp>
      <p:sp>
        <p:nvSpPr>
          <p:cNvPr id="52" name="TextBox 51">
            <a:extLst>
              <a:ext uri="{FF2B5EF4-FFF2-40B4-BE49-F238E27FC236}">
                <a16:creationId xmlns:a16="http://schemas.microsoft.com/office/drawing/2014/main" id="{C6CDA52D-1132-4ECC-82B9-4F19D8339BC2}"/>
              </a:ext>
            </a:extLst>
          </p:cNvPr>
          <p:cNvSpPr txBox="1"/>
          <p:nvPr/>
        </p:nvSpPr>
        <p:spPr>
          <a:xfrm>
            <a:off x="1381090" y="4071074"/>
            <a:ext cx="903671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>
                <a:solidFill>
                  <a:schemeClr val="bg1"/>
                </a:solidFill>
                <a:latin typeface="Abadi Extra Light" panose="020B0204020104020204" pitchFamily="34" charset="0"/>
              </a:rPr>
              <a:t>03</a:t>
            </a:r>
            <a:endParaRPr lang="en-IN" sz="2800">
              <a:solidFill>
                <a:schemeClr val="bg1"/>
              </a:solidFill>
              <a:latin typeface="Abadi Extra Light" panose="020B0204020104020204" pitchFamily="34" charset="0"/>
            </a:endParaRPr>
          </a:p>
        </p:txBody>
      </p:sp>
      <p:sp>
        <p:nvSpPr>
          <p:cNvPr id="53" name="TextBox 52">
            <a:extLst>
              <a:ext uri="{FF2B5EF4-FFF2-40B4-BE49-F238E27FC236}">
                <a16:creationId xmlns:a16="http://schemas.microsoft.com/office/drawing/2014/main" id="{EDF652FE-8C7A-4ED2-978B-FC7DF5951494}"/>
              </a:ext>
            </a:extLst>
          </p:cNvPr>
          <p:cNvSpPr txBox="1"/>
          <p:nvPr/>
        </p:nvSpPr>
        <p:spPr>
          <a:xfrm>
            <a:off x="1318800" y="5474424"/>
            <a:ext cx="903671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>
                <a:solidFill>
                  <a:schemeClr val="bg1"/>
                </a:solidFill>
                <a:latin typeface="Abadi Extra Light" panose="020B0204020104020204" pitchFamily="34" charset="0"/>
              </a:rPr>
              <a:t>04</a:t>
            </a:r>
            <a:endParaRPr lang="en-IN" sz="2800">
              <a:solidFill>
                <a:schemeClr val="bg1"/>
              </a:solidFill>
              <a:latin typeface="Abadi Extra Light" panose="020B02040201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40489101"/>
      </p:ext>
    </p:extLst>
  </p:cSld>
  <p:clrMapOvr>
    <a:masterClrMapping/>
  </p:clrMapOvr>
  <p:transition spd="slow">
    <p:push dir="u"/>
  </p:transition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1EF874A-A343-5619-9574-D2E92AA4BC1A}"/>
              </a:ext>
            </a:extLst>
          </p:cNvPr>
          <p:cNvSpPr>
            <a:spLocks noGrp="1"/>
          </p:cNvSpPr>
          <p:nvPr>
            <p:ph type="title" idx="4294967295"/>
          </p:nvPr>
        </p:nvSpPr>
        <p:spPr>
          <a:xfrm>
            <a:off x="594571" y="556365"/>
            <a:ext cx="10515600" cy="676275"/>
          </a:xfr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IN" sz="2400">
                <a:solidFill>
                  <a:schemeClr val="tx1">
                    <a:lumMod val="85000"/>
                    <a:lumOff val="15000"/>
                  </a:schemeClr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Introduction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25BC1FEB-B75A-1C79-FE37-514FE3F4995E}"/>
              </a:ext>
            </a:extLst>
          </p:cNvPr>
          <p:cNvSpPr txBox="1"/>
          <p:nvPr/>
        </p:nvSpPr>
        <p:spPr>
          <a:xfrm>
            <a:off x="596900" y="1370433"/>
            <a:ext cx="7552801" cy="452431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lvl="2" indent="-252000">
              <a:spcBef>
                <a:spcPts val="600"/>
              </a:spcBef>
              <a:spcAft>
                <a:spcPts val="600"/>
              </a:spcAft>
              <a:buClr>
                <a:srgbClr val="00799E"/>
              </a:buClr>
            </a:pPr>
            <a:r>
              <a:rPr lang="en-US" sz="1400">
                <a:solidFill>
                  <a:srgbClr val="404040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Innovative E-Learning Developer with a passion for creating engaging and effective educational solutions. Experienced in designing and developing interactive e-learning content, I bring a blend of creativity and technical expertise to every project. </a:t>
            </a:r>
          </a:p>
          <a:p>
            <a:pPr marL="252000" lvl="2" indent="-252000">
              <a:spcBef>
                <a:spcPts val="600"/>
              </a:spcBef>
              <a:buClr>
                <a:srgbClr val="FD0014"/>
              </a:buClr>
              <a:buFont typeface="Arial" panose="020B0604020202020204" pitchFamily="34" charset="0"/>
              <a:buChar char="•"/>
            </a:pPr>
            <a:r>
              <a:rPr lang="en-US" sz="1400">
                <a:solidFill>
                  <a:srgbClr val="404040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Collaborating closely with Instructional Designers and SMEs to thoroughly understand storyboards and concepts.</a:t>
            </a:r>
          </a:p>
          <a:p>
            <a:pPr marL="252000" lvl="2" indent="-252000">
              <a:spcBef>
                <a:spcPts val="600"/>
              </a:spcBef>
              <a:buClr>
                <a:srgbClr val="FD0014"/>
              </a:buClr>
              <a:buFont typeface="Arial" panose="020B0604020202020204" pitchFamily="34" charset="0"/>
              <a:buChar char="•"/>
            </a:pPr>
            <a:r>
              <a:rPr lang="en-US" sz="1400">
                <a:solidFill>
                  <a:srgbClr val="404040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Defining the scope, timelines, and design strategies for course content.</a:t>
            </a:r>
          </a:p>
          <a:p>
            <a:pPr marL="252000" lvl="2" indent="-252000">
              <a:spcBef>
                <a:spcPts val="600"/>
              </a:spcBef>
              <a:buClr>
                <a:srgbClr val="FD0014"/>
              </a:buClr>
              <a:buFont typeface="Arial" panose="020B0604020202020204" pitchFamily="34" charset="0"/>
              <a:buChar char="•"/>
            </a:pPr>
            <a:r>
              <a:rPr lang="en-US" sz="1400">
                <a:solidFill>
                  <a:srgbClr val="404040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Leveraging my expertise in Articulate Storyline to bring creative and visually appealing training  solutions to life.</a:t>
            </a:r>
          </a:p>
          <a:p>
            <a:pPr marL="252000" lvl="2" indent="-252000">
              <a:spcBef>
                <a:spcPts val="600"/>
              </a:spcBef>
              <a:buClr>
                <a:srgbClr val="FD0014"/>
              </a:buClr>
              <a:buFont typeface="Arial" panose="020B0604020202020204" pitchFamily="34" charset="0"/>
              <a:buChar char="•"/>
            </a:pPr>
            <a:r>
              <a:rPr lang="en-US" sz="1400">
                <a:solidFill>
                  <a:srgbClr val="404040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Understanding interactivity and functionality from an instructional perspective to create impactful learning tools.</a:t>
            </a:r>
          </a:p>
          <a:p>
            <a:pPr marL="252000" lvl="2" indent="-252000">
              <a:spcBef>
                <a:spcPts val="600"/>
              </a:spcBef>
              <a:buClr>
                <a:srgbClr val="FD0014"/>
              </a:buClr>
              <a:buFont typeface="Arial" panose="020B0604020202020204" pitchFamily="34" charset="0"/>
              <a:buChar char="•"/>
            </a:pPr>
            <a:r>
              <a:rPr lang="en-US" sz="1400">
                <a:solidFill>
                  <a:srgbClr val="404040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Applying my foundational graphic design skills to create templates in Photoshop or Illustrator.</a:t>
            </a:r>
          </a:p>
          <a:p>
            <a:pPr marL="252000" lvl="2" indent="-252000">
              <a:spcBef>
                <a:spcPts val="600"/>
              </a:spcBef>
              <a:buClr>
                <a:srgbClr val="FD0014"/>
              </a:buClr>
              <a:buFont typeface="Arial" panose="020B0604020202020204" pitchFamily="34" charset="0"/>
              <a:buChar char="•"/>
            </a:pPr>
            <a:r>
              <a:rPr lang="en-US" sz="1400">
                <a:solidFill>
                  <a:srgbClr val="404040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Designing and delivering engaging e-learning content that caters to diverse learning styles.</a:t>
            </a:r>
          </a:p>
          <a:p>
            <a:pPr marL="252000" lvl="2" indent="-252000">
              <a:spcBef>
                <a:spcPts val="600"/>
              </a:spcBef>
              <a:buClr>
                <a:srgbClr val="FD0014"/>
              </a:buClr>
              <a:buFont typeface="Arial" panose="020B0604020202020204" pitchFamily="34" charset="0"/>
              <a:buChar char="•"/>
            </a:pPr>
            <a:r>
              <a:rPr lang="en-US" sz="1400">
                <a:solidFill>
                  <a:srgbClr val="404040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Ensuring compliance with Learning Management Systems (LMS) and SCORM standards.</a:t>
            </a:r>
          </a:p>
          <a:p>
            <a:pPr marL="252000" lvl="2" indent="-252000">
              <a:spcBef>
                <a:spcPts val="600"/>
              </a:spcBef>
              <a:buClr>
                <a:srgbClr val="FD0014"/>
              </a:buClr>
              <a:buFont typeface="Arial" panose="020B0604020202020204" pitchFamily="34" charset="0"/>
              <a:buChar char="•"/>
            </a:pPr>
            <a:r>
              <a:rPr lang="en-US" sz="1400">
                <a:solidFill>
                  <a:srgbClr val="404040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Managing schedules and deadlines to consistently deliver high-quality work on time.</a:t>
            </a:r>
          </a:p>
          <a:p>
            <a:pPr marL="252000" lvl="2" indent="-252000">
              <a:spcBef>
                <a:spcPts val="600"/>
              </a:spcBef>
              <a:buClr>
                <a:srgbClr val="FD0014"/>
              </a:buClr>
              <a:buFont typeface="Arial" panose="020B0604020202020204" pitchFamily="34" charset="0"/>
              <a:buChar char="•"/>
            </a:pPr>
            <a:r>
              <a:rPr lang="en-US" sz="1400">
                <a:solidFill>
                  <a:srgbClr val="404040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Adapting to fast-paced environments and working independently to achieve project goals.</a:t>
            </a:r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6F97D89A-1739-4A07-AD2B-5D582D9D4400}"/>
              </a:ext>
            </a:extLst>
          </p:cNvPr>
          <p:cNvSpPr/>
          <p:nvPr/>
        </p:nvSpPr>
        <p:spPr>
          <a:xfrm>
            <a:off x="703434" y="596260"/>
            <a:ext cx="684000" cy="36000"/>
          </a:xfrm>
          <a:prstGeom prst="rect">
            <a:avLst/>
          </a:prstGeom>
          <a:solidFill>
            <a:srgbClr val="F64A4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AB8E38B5-E095-41A3-9FAB-698241247B7F}"/>
              </a:ext>
            </a:extLst>
          </p:cNvPr>
          <p:cNvGrpSpPr/>
          <p:nvPr/>
        </p:nvGrpSpPr>
        <p:grpSpPr>
          <a:xfrm>
            <a:off x="10708755" y="0"/>
            <a:ext cx="1483245" cy="6858000"/>
            <a:chOff x="10579965" y="0"/>
            <a:chExt cx="1599145" cy="7393880"/>
          </a:xfrm>
        </p:grpSpPr>
        <p:sp>
          <p:nvSpPr>
            <p:cNvPr id="12" name="Freeform: Shape 11">
              <a:extLst>
                <a:ext uri="{FF2B5EF4-FFF2-40B4-BE49-F238E27FC236}">
                  <a16:creationId xmlns:a16="http://schemas.microsoft.com/office/drawing/2014/main" id="{040190D6-45FF-4CF9-BBBB-F14F0136630F}"/>
                </a:ext>
              </a:extLst>
            </p:cNvPr>
            <p:cNvSpPr/>
            <p:nvPr/>
          </p:nvSpPr>
          <p:spPr>
            <a:xfrm>
              <a:off x="10579965" y="0"/>
              <a:ext cx="1599145" cy="1478776"/>
            </a:xfrm>
            <a:custGeom>
              <a:avLst/>
              <a:gdLst>
                <a:gd name="connsiteX0" fmla="*/ 0 w 1599145"/>
                <a:gd name="connsiteY0" fmla="*/ 0 h 1478776"/>
                <a:gd name="connsiteX1" fmla="*/ 1599146 w 1599145"/>
                <a:gd name="connsiteY1" fmla="*/ 0 h 1478776"/>
                <a:gd name="connsiteX2" fmla="*/ 1599146 w 1599145"/>
                <a:gd name="connsiteY2" fmla="*/ 1478776 h 1478776"/>
                <a:gd name="connsiteX3" fmla="*/ 0 w 1599145"/>
                <a:gd name="connsiteY3" fmla="*/ 1478776 h 147877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1599145" h="1478776">
                  <a:moveTo>
                    <a:pt x="0" y="0"/>
                  </a:moveTo>
                  <a:lnTo>
                    <a:pt x="1599146" y="0"/>
                  </a:lnTo>
                  <a:lnTo>
                    <a:pt x="1599146" y="1478776"/>
                  </a:lnTo>
                  <a:lnTo>
                    <a:pt x="0" y="1478776"/>
                  </a:lnTo>
                  <a:close/>
                </a:path>
              </a:pathLst>
            </a:custGeom>
            <a:solidFill>
              <a:srgbClr val="858585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13" name="Freeform: Shape 12">
              <a:extLst>
                <a:ext uri="{FF2B5EF4-FFF2-40B4-BE49-F238E27FC236}">
                  <a16:creationId xmlns:a16="http://schemas.microsoft.com/office/drawing/2014/main" id="{CF6020D4-B335-40A6-89D1-F9829E8C84C7}"/>
                </a:ext>
              </a:extLst>
            </p:cNvPr>
            <p:cNvSpPr/>
            <p:nvPr/>
          </p:nvSpPr>
          <p:spPr>
            <a:xfrm>
              <a:off x="10579965" y="1478776"/>
              <a:ext cx="1599145" cy="1478776"/>
            </a:xfrm>
            <a:custGeom>
              <a:avLst/>
              <a:gdLst>
                <a:gd name="connsiteX0" fmla="*/ 0 w 1599145"/>
                <a:gd name="connsiteY0" fmla="*/ 0 h 1478776"/>
                <a:gd name="connsiteX1" fmla="*/ 1599146 w 1599145"/>
                <a:gd name="connsiteY1" fmla="*/ 0 h 1478776"/>
                <a:gd name="connsiteX2" fmla="*/ 1599146 w 1599145"/>
                <a:gd name="connsiteY2" fmla="*/ 1478776 h 1478776"/>
                <a:gd name="connsiteX3" fmla="*/ 0 w 1599145"/>
                <a:gd name="connsiteY3" fmla="*/ 1478776 h 147877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1599145" h="1478776">
                  <a:moveTo>
                    <a:pt x="0" y="0"/>
                  </a:moveTo>
                  <a:lnTo>
                    <a:pt x="1599146" y="0"/>
                  </a:lnTo>
                  <a:lnTo>
                    <a:pt x="1599146" y="1478776"/>
                  </a:lnTo>
                  <a:lnTo>
                    <a:pt x="0" y="1478776"/>
                  </a:lnTo>
                  <a:close/>
                </a:path>
              </a:pathLst>
            </a:custGeom>
            <a:solidFill>
              <a:srgbClr val="F64A46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14" name="Freeform: Shape 13">
              <a:extLst>
                <a:ext uri="{FF2B5EF4-FFF2-40B4-BE49-F238E27FC236}">
                  <a16:creationId xmlns:a16="http://schemas.microsoft.com/office/drawing/2014/main" id="{10BD26F9-D483-4478-8190-BCB025F92973}"/>
                </a:ext>
              </a:extLst>
            </p:cNvPr>
            <p:cNvSpPr/>
            <p:nvPr/>
          </p:nvSpPr>
          <p:spPr>
            <a:xfrm>
              <a:off x="10579965" y="2960521"/>
              <a:ext cx="1599145" cy="1478776"/>
            </a:xfrm>
            <a:custGeom>
              <a:avLst/>
              <a:gdLst>
                <a:gd name="connsiteX0" fmla="*/ 0 w 1599145"/>
                <a:gd name="connsiteY0" fmla="*/ 0 h 1478776"/>
                <a:gd name="connsiteX1" fmla="*/ 1599146 w 1599145"/>
                <a:gd name="connsiteY1" fmla="*/ 0 h 1478776"/>
                <a:gd name="connsiteX2" fmla="*/ 1599146 w 1599145"/>
                <a:gd name="connsiteY2" fmla="*/ 1478776 h 1478776"/>
                <a:gd name="connsiteX3" fmla="*/ 0 w 1599145"/>
                <a:gd name="connsiteY3" fmla="*/ 1478776 h 147877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1599145" h="1478776">
                  <a:moveTo>
                    <a:pt x="0" y="0"/>
                  </a:moveTo>
                  <a:lnTo>
                    <a:pt x="1599146" y="0"/>
                  </a:lnTo>
                  <a:lnTo>
                    <a:pt x="1599146" y="1478776"/>
                  </a:lnTo>
                  <a:lnTo>
                    <a:pt x="0" y="1478776"/>
                  </a:lnTo>
                  <a:close/>
                </a:path>
              </a:pathLst>
            </a:custGeom>
            <a:solidFill>
              <a:srgbClr val="5C5C5C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15" name="Freeform: Shape 14">
              <a:extLst>
                <a:ext uri="{FF2B5EF4-FFF2-40B4-BE49-F238E27FC236}">
                  <a16:creationId xmlns:a16="http://schemas.microsoft.com/office/drawing/2014/main" id="{654781FA-19F9-4327-BCF8-F76BD52AF69C}"/>
                </a:ext>
              </a:extLst>
            </p:cNvPr>
            <p:cNvSpPr/>
            <p:nvPr/>
          </p:nvSpPr>
          <p:spPr>
            <a:xfrm>
              <a:off x="10579965" y="4436328"/>
              <a:ext cx="1599145" cy="1478776"/>
            </a:xfrm>
            <a:custGeom>
              <a:avLst/>
              <a:gdLst>
                <a:gd name="connsiteX0" fmla="*/ 0 w 1599145"/>
                <a:gd name="connsiteY0" fmla="*/ 0 h 1478776"/>
                <a:gd name="connsiteX1" fmla="*/ 1599146 w 1599145"/>
                <a:gd name="connsiteY1" fmla="*/ 0 h 1478776"/>
                <a:gd name="connsiteX2" fmla="*/ 1599146 w 1599145"/>
                <a:gd name="connsiteY2" fmla="*/ 1478776 h 1478776"/>
                <a:gd name="connsiteX3" fmla="*/ 0 w 1599145"/>
                <a:gd name="connsiteY3" fmla="*/ 1478776 h 147877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1599145" h="1478776">
                  <a:moveTo>
                    <a:pt x="0" y="0"/>
                  </a:moveTo>
                  <a:lnTo>
                    <a:pt x="1599146" y="0"/>
                  </a:lnTo>
                  <a:lnTo>
                    <a:pt x="1599146" y="1478776"/>
                  </a:lnTo>
                  <a:lnTo>
                    <a:pt x="0" y="1478776"/>
                  </a:lnTo>
                  <a:close/>
                </a:path>
              </a:pathLst>
            </a:custGeom>
            <a:solidFill>
              <a:srgbClr val="858585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16" name="Freeform: Shape 15">
              <a:extLst>
                <a:ext uri="{FF2B5EF4-FFF2-40B4-BE49-F238E27FC236}">
                  <a16:creationId xmlns:a16="http://schemas.microsoft.com/office/drawing/2014/main" id="{99C1C9E8-A309-42B7-A0D4-C480E3FA61EA}"/>
                </a:ext>
              </a:extLst>
            </p:cNvPr>
            <p:cNvSpPr/>
            <p:nvPr/>
          </p:nvSpPr>
          <p:spPr>
            <a:xfrm>
              <a:off x="10579965" y="5915104"/>
              <a:ext cx="1599145" cy="1478776"/>
            </a:xfrm>
            <a:custGeom>
              <a:avLst/>
              <a:gdLst>
                <a:gd name="connsiteX0" fmla="*/ 0 w 1599145"/>
                <a:gd name="connsiteY0" fmla="*/ 0 h 1478776"/>
                <a:gd name="connsiteX1" fmla="*/ 1599146 w 1599145"/>
                <a:gd name="connsiteY1" fmla="*/ 0 h 1478776"/>
                <a:gd name="connsiteX2" fmla="*/ 1599146 w 1599145"/>
                <a:gd name="connsiteY2" fmla="*/ 1478776 h 1478776"/>
                <a:gd name="connsiteX3" fmla="*/ 0 w 1599145"/>
                <a:gd name="connsiteY3" fmla="*/ 1478776 h 147877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1599145" h="1478776">
                  <a:moveTo>
                    <a:pt x="0" y="0"/>
                  </a:moveTo>
                  <a:lnTo>
                    <a:pt x="1599146" y="0"/>
                  </a:lnTo>
                  <a:lnTo>
                    <a:pt x="1599146" y="1478776"/>
                  </a:lnTo>
                  <a:lnTo>
                    <a:pt x="0" y="1478776"/>
                  </a:lnTo>
                  <a:close/>
                </a:path>
              </a:pathLst>
            </a:custGeom>
            <a:solidFill>
              <a:srgbClr val="F64A46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</p:grpSp>
      <p:grpSp>
        <p:nvGrpSpPr>
          <p:cNvPr id="27" name="Group 26">
            <a:extLst>
              <a:ext uri="{FF2B5EF4-FFF2-40B4-BE49-F238E27FC236}">
                <a16:creationId xmlns:a16="http://schemas.microsoft.com/office/drawing/2014/main" id="{F2A782A8-411B-4148-8213-5DEE4FC96C35}"/>
              </a:ext>
            </a:extLst>
          </p:cNvPr>
          <p:cNvGrpSpPr/>
          <p:nvPr/>
        </p:nvGrpSpPr>
        <p:grpSpPr>
          <a:xfrm>
            <a:off x="11102553" y="359978"/>
            <a:ext cx="540671" cy="604244"/>
            <a:chOff x="11077092" y="279421"/>
            <a:chExt cx="724601" cy="816591"/>
          </a:xfrm>
        </p:grpSpPr>
        <p:sp>
          <p:nvSpPr>
            <p:cNvPr id="22" name="Freeform: Shape 21">
              <a:extLst>
                <a:ext uri="{FF2B5EF4-FFF2-40B4-BE49-F238E27FC236}">
                  <a16:creationId xmlns:a16="http://schemas.microsoft.com/office/drawing/2014/main" id="{375B4293-ED45-49D8-A7C9-DB42DCA5A5FB}"/>
                </a:ext>
              </a:extLst>
            </p:cNvPr>
            <p:cNvSpPr/>
            <p:nvPr/>
          </p:nvSpPr>
          <p:spPr>
            <a:xfrm>
              <a:off x="11303458" y="439979"/>
              <a:ext cx="364054" cy="356540"/>
            </a:xfrm>
            <a:custGeom>
              <a:avLst/>
              <a:gdLst>
                <a:gd name="connsiteX0" fmla="*/ 252875 w 364054"/>
                <a:gd name="connsiteY0" fmla="*/ 6747 h 356540"/>
                <a:gd name="connsiteX1" fmla="*/ 233860 w 364054"/>
                <a:gd name="connsiteY1" fmla="*/ 0 h 356540"/>
                <a:gd name="connsiteX2" fmla="*/ 233860 w 364054"/>
                <a:gd name="connsiteY2" fmla="*/ 83883 h 356540"/>
                <a:gd name="connsiteX3" fmla="*/ 182027 w 364054"/>
                <a:gd name="connsiteY3" fmla="*/ 69468 h 356540"/>
                <a:gd name="connsiteX4" fmla="*/ 130195 w 364054"/>
                <a:gd name="connsiteY4" fmla="*/ 83883 h 356540"/>
                <a:gd name="connsiteX5" fmla="*/ 130195 w 364054"/>
                <a:gd name="connsiteY5" fmla="*/ 0 h 356540"/>
                <a:gd name="connsiteX6" fmla="*/ 111179 w 364054"/>
                <a:gd name="connsiteY6" fmla="*/ 6747 h 356540"/>
                <a:gd name="connsiteX7" fmla="*/ 0 w 364054"/>
                <a:gd name="connsiteY7" fmla="*/ 174513 h 356540"/>
                <a:gd name="connsiteX8" fmla="*/ 182027 w 364054"/>
                <a:gd name="connsiteY8" fmla="*/ 356540 h 356540"/>
                <a:gd name="connsiteX9" fmla="*/ 364054 w 364054"/>
                <a:gd name="connsiteY9" fmla="*/ 174513 h 356540"/>
                <a:gd name="connsiteX10" fmla="*/ 252875 w 364054"/>
                <a:gd name="connsiteY10" fmla="*/ 6747 h 356540"/>
                <a:gd name="connsiteX11" fmla="*/ 182027 w 364054"/>
                <a:gd name="connsiteY11" fmla="*/ 88483 h 356540"/>
                <a:gd name="connsiteX12" fmla="*/ 236620 w 364054"/>
                <a:gd name="connsiteY12" fmla="*/ 109339 h 356540"/>
                <a:gd name="connsiteX13" fmla="*/ 236620 w 364054"/>
                <a:gd name="connsiteY13" fmla="*/ 109339 h 356540"/>
                <a:gd name="connsiteX14" fmla="*/ 264377 w 364054"/>
                <a:gd name="connsiteY14" fmla="*/ 170986 h 356540"/>
                <a:gd name="connsiteX15" fmla="*/ 181874 w 364054"/>
                <a:gd name="connsiteY15" fmla="*/ 253488 h 356540"/>
                <a:gd name="connsiteX16" fmla="*/ 99371 w 364054"/>
                <a:gd name="connsiteY16" fmla="*/ 170986 h 356540"/>
                <a:gd name="connsiteX17" fmla="*/ 127128 w 364054"/>
                <a:gd name="connsiteY17" fmla="*/ 109492 h 356540"/>
                <a:gd name="connsiteX18" fmla="*/ 127128 w 364054"/>
                <a:gd name="connsiteY18" fmla="*/ 109492 h 356540"/>
                <a:gd name="connsiteX19" fmla="*/ 181721 w 364054"/>
                <a:gd name="connsiteY19" fmla="*/ 88483 h 35654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</a:cxnLst>
              <a:rect l="l" t="t" r="r" b="b"/>
              <a:pathLst>
                <a:path w="364054" h="356540">
                  <a:moveTo>
                    <a:pt x="252875" y="6747"/>
                  </a:moveTo>
                  <a:cubicBezTo>
                    <a:pt x="246741" y="4140"/>
                    <a:pt x="240454" y="1840"/>
                    <a:pt x="233860" y="0"/>
                  </a:cubicBezTo>
                  <a:lnTo>
                    <a:pt x="233860" y="83883"/>
                  </a:lnTo>
                  <a:cubicBezTo>
                    <a:pt x="218678" y="74682"/>
                    <a:pt x="200889" y="69468"/>
                    <a:pt x="182027" y="69468"/>
                  </a:cubicBezTo>
                  <a:cubicBezTo>
                    <a:pt x="163165" y="69468"/>
                    <a:pt x="145376" y="74682"/>
                    <a:pt x="130195" y="83883"/>
                  </a:cubicBezTo>
                  <a:lnTo>
                    <a:pt x="130195" y="0"/>
                  </a:lnTo>
                  <a:cubicBezTo>
                    <a:pt x="123601" y="1840"/>
                    <a:pt x="117313" y="4140"/>
                    <a:pt x="111179" y="6747"/>
                  </a:cubicBezTo>
                  <a:cubicBezTo>
                    <a:pt x="45852" y="34351"/>
                    <a:pt x="0" y="99064"/>
                    <a:pt x="0" y="174513"/>
                  </a:cubicBezTo>
                  <a:cubicBezTo>
                    <a:pt x="0" y="274958"/>
                    <a:pt x="81429" y="356540"/>
                    <a:pt x="182027" y="356540"/>
                  </a:cubicBezTo>
                  <a:cubicBezTo>
                    <a:pt x="282625" y="356540"/>
                    <a:pt x="364054" y="274958"/>
                    <a:pt x="364054" y="174513"/>
                  </a:cubicBezTo>
                  <a:cubicBezTo>
                    <a:pt x="364054" y="99064"/>
                    <a:pt x="318203" y="34351"/>
                    <a:pt x="252875" y="6747"/>
                  </a:cubicBezTo>
                  <a:close/>
                  <a:moveTo>
                    <a:pt x="182027" y="88483"/>
                  </a:moveTo>
                  <a:cubicBezTo>
                    <a:pt x="202883" y="88483"/>
                    <a:pt x="222052" y="96304"/>
                    <a:pt x="236620" y="109339"/>
                  </a:cubicBezTo>
                  <a:lnTo>
                    <a:pt x="236620" y="109339"/>
                  </a:lnTo>
                  <a:cubicBezTo>
                    <a:pt x="253642" y="124521"/>
                    <a:pt x="264377" y="146603"/>
                    <a:pt x="264377" y="170986"/>
                  </a:cubicBezTo>
                  <a:cubicBezTo>
                    <a:pt x="264377" y="216378"/>
                    <a:pt x="227266" y="253488"/>
                    <a:pt x="181874" y="253488"/>
                  </a:cubicBezTo>
                  <a:cubicBezTo>
                    <a:pt x="136482" y="253488"/>
                    <a:pt x="99371" y="216378"/>
                    <a:pt x="99371" y="170986"/>
                  </a:cubicBezTo>
                  <a:cubicBezTo>
                    <a:pt x="99371" y="146603"/>
                    <a:pt x="110106" y="124521"/>
                    <a:pt x="127128" y="109492"/>
                  </a:cubicBezTo>
                  <a:lnTo>
                    <a:pt x="127128" y="109492"/>
                  </a:lnTo>
                  <a:cubicBezTo>
                    <a:pt x="141696" y="96304"/>
                    <a:pt x="160865" y="88483"/>
                    <a:pt x="181721" y="88483"/>
                  </a:cubicBezTo>
                  <a:close/>
                </a:path>
              </a:pathLst>
            </a:custGeom>
            <a:solidFill>
              <a:srgbClr val="F64A46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23" name="Freeform: Shape 22">
              <a:extLst>
                <a:ext uri="{FF2B5EF4-FFF2-40B4-BE49-F238E27FC236}">
                  <a16:creationId xmlns:a16="http://schemas.microsoft.com/office/drawing/2014/main" id="{B4F60CE3-7EFF-4526-B509-DF1B29C35127}"/>
                </a:ext>
              </a:extLst>
            </p:cNvPr>
            <p:cNvSpPr/>
            <p:nvPr/>
          </p:nvSpPr>
          <p:spPr>
            <a:xfrm>
              <a:off x="11077092" y="300432"/>
              <a:ext cx="724601" cy="795580"/>
            </a:xfrm>
            <a:custGeom>
              <a:avLst/>
              <a:gdLst>
                <a:gd name="connsiteX0" fmla="*/ 240014 w 724601"/>
                <a:gd name="connsiteY0" fmla="*/ 795580 h 795580"/>
                <a:gd name="connsiteX1" fmla="*/ 233880 w 724601"/>
                <a:gd name="connsiteY1" fmla="*/ 793434 h 795580"/>
                <a:gd name="connsiteX2" fmla="*/ 230353 w 724601"/>
                <a:gd name="connsiteY2" fmla="*/ 786073 h 795580"/>
                <a:gd name="connsiteX3" fmla="*/ 230353 w 724601"/>
                <a:gd name="connsiteY3" fmla="*/ 681028 h 795580"/>
                <a:gd name="connsiteX4" fmla="*/ 224525 w 724601"/>
                <a:gd name="connsiteY4" fmla="*/ 675200 h 795580"/>
                <a:gd name="connsiteX5" fmla="*/ 116873 w 724601"/>
                <a:gd name="connsiteY5" fmla="*/ 675200 h 795580"/>
                <a:gd name="connsiteX6" fmla="*/ 92031 w 724601"/>
                <a:gd name="connsiteY6" fmla="*/ 650357 h 795580"/>
                <a:gd name="connsiteX7" fmla="*/ 92031 w 724601"/>
                <a:gd name="connsiteY7" fmla="*/ 541325 h 795580"/>
                <a:gd name="connsiteX8" fmla="*/ 87890 w 724601"/>
                <a:gd name="connsiteY8" fmla="*/ 535805 h 795580"/>
                <a:gd name="connsiteX9" fmla="*/ 6768 w 724601"/>
                <a:gd name="connsiteY9" fmla="*/ 511575 h 795580"/>
                <a:gd name="connsiteX10" fmla="*/ 787 w 724601"/>
                <a:gd name="connsiteY10" fmla="*/ 506208 h 795580"/>
                <a:gd name="connsiteX11" fmla="*/ 940 w 724601"/>
                <a:gd name="connsiteY11" fmla="*/ 498080 h 795580"/>
                <a:gd name="connsiteX12" fmla="*/ 81756 w 724601"/>
                <a:gd name="connsiteY12" fmla="*/ 333382 h 795580"/>
                <a:gd name="connsiteX13" fmla="*/ 95711 w 724601"/>
                <a:gd name="connsiteY13" fmla="*/ 282623 h 795580"/>
                <a:gd name="connsiteX14" fmla="*/ 345059 w 724601"/>
                <a:gd name="connsiteY14" fmla="*/ 918 h 795580"/>
                <a:gd name="connsiteX15" fmla="*/ 356407 w 724601"/>
                <a:gd name="connsiteY15" fmla="*/ 8279 h 795580"/>
                <a:gd name="connsiteX16" fmla="*/ 349046 w 724601"/>
                <a:gd name="connsiteY16" fmla="*/ 19627 h 795580"/>
                <a:gd name="connsiteX17" fmla="*/ 115033 w 724601"/>
                <a:gd name="connsiteY17" fmla="*/ 284156 h 795580"/>
                <a:gd name="connsiteX18" fmla="*/ 99085 w 724601"/>
                <a:gd name="connsiteY18" fmla="*/ 341663 h 795580"/>
                <a:gd name="connsiteX19" fmla="*/ 23329 w 724601"/>
                <a:gd name="connsiteY19" fmla="*/ 496240 h 795580"/>
                <a:gd name="connsiteX20" fmla="*/ 93564 w 724601"/>
                <a:gd name="connsiteY20" fmla="*/ 517249 h 795580"/>
                <a:gd name="connsiteX21" fmla="*/ 111353 w 724601"/>
                <a:gd name="connsiteY21" fmla="*/ 541172 h 795580"/>
                <a:gd name="connsiteX22" fmla="*/ 111353 w 724601"/>
                <a:gd name="connsiteY22" fmla="*/ 650204 h 795580"/>
                <a:gd name="connsiteX23" fmla="*/ 117180 w 724601"/>
                <a:gd name="connsiteY23" fmla="*/ 656031 h 795580"/>
                <a:gd name="connsiteX24" fmla="*/ 224832 w 724601"/>
                <a:gd name="connsiteY24" fmla="*/ 656031 h 795580"/>
                <a:gd name="connsiteX25" fmla="*/ 249675 w 724601"/>
                <a:gd name="connsiteY25" fmla="*/ 680874 h 795580"/>
                <a:gd name="connsiteX26" fmla="*/ 249675 w 724601"/>
                <a:gd name="connsiteY26" fmla="*/ 774265 h 795580"/>
                <a:gd name="connsiteX27" fmla="*/ 620784 w 724601"/>
                <a:gd name="connsiteY27" fmla="*/ 701423 h 795580"/>
                <a:gd name="connsiteX28" fmla="*/ 620784 w 724601"/>
                <a:gd name="connsiteY28" fmla="*/ 687468 h 795580"/>
                <a:gd name="connsiteX29" fmla="*/ 675376 w 724601"/>
                <a:gd name="connsiteY29" fmla="*/ 448855 h 795580"/>
                <a:gd name="connsiteX30" fmla="*/ 705586 w 724601"/>
                <a:gd name="connsiteY30" fmla="*/ 309306 h 795580"/>
                <a:gd name="connsiteX31" fmla="*/ 627531 w 724601"/>
                <a:gd name="connsiteY31" fmla="*/ 106576 h 795580"/>
                <a:gd name="connsiteX32" fmla="*/ 477401 w 724601"/>
                <a:gd name="connsiteY32" fmla="*/ 21007 h 795580"/>
                <a:gd name="connsiteX33" fmla="*/ 467893 w 724601"/>
                <a:gd name="connsiteY33" fmla="*/ 19013 h 795580"/>
                <a:gd name="connsiteX34" fmla="*/ 460225 w 724601"/>
                <a:gd name="connsiteY34" fmla="*/ 7819 h 795580"/>
                <a:gd name="connsiteX35" fmla="*/ 471420 w 724601"/>
                <a:gd name="connsiteY35" fmla="*/ 151 h 795580"/>
                <a:gd name="connsiteX36" fmla="*/ 481541 w 724601"/>
                <a:gd name="connsiteY36" fmla="*/ 2298 h 795580"/>
                <a:gd name="connsiteX37" fmla="*/ 641486 w 724601"/>
                <a:gd name="connsiteY37" fmla="*/ 93695 h 795580"/>
                <a:gd name="connsiteX38" fmla="*/ 724602 w 724601"/>
                <a:gd name="connsiteY38" fmla="*/ 309306 h 795580"/>
                <a:gd name="connsiteX39" fmla="*/ 692398 w 724601"/>
                <a:gd name="connsiteY39" fmla="*/ 457289 h 795580"/>
                <a:gd name="connsiteX40" fmla="*/ 639799 w 724601"/>
                <a:gd name="connsiteY40" fmla="*/ 687468 h 795580"/>
                <a:gd name="connsiteX41" fmla="*/ 639799 w 724601"/>
                <a:gd name="connsiteY41" fmla="*/ 709397 h 795580"/>
                <a:gd name="connsiteX42" fmla="*/ 632132 w 724601"/>
                <a:gd name="connsiteY42" fmla="*/ 718752 h 795580"/>
                <a:gd name="connsiteX43" fmla="*/ 241854 w 724601"/>
                <a:gd name="connsiteY43" fmla="*/ 795427 h 795580"/>
                <a:gd name="connsiteX44" fmla="*/ 240014 w 724601"/>
                <a:gd name="connsiteY44" fmla="*/ 795580 h 79558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</a:cxnLst>
              <a:rect l="l" t="t" r="r" b="b"/>
              <a:pathLst>
                <a:path w="724601" h="795580">
                  <a:moveTo>
                    <a:pt x="240014" y="795580"/>
                  </a:moveTo>
                  <a:cubicBezTo>
                    <a:pt x="237867" y="795580"/>
                    <a:pt x="235720" y="794814"/>
                    <a:pt x="233880" y="793434"/>
                  </a:cubicBezTo>
                  <a:cubicBezTo>
                    <a:pt x="231733" y="791593"/>
                    <a:pt x="230353" y="788833"/>
                    <a:pt x="230353" y="786073"/>
                  </a:cubicBezTo>
                  <a:lnTo>
                    <a:pt x="230353" y="681028"/>
                  </a:lnTo>
                  <a:cubicBezTo>
                    <a:pt x="230353" y="677807"/>
                    <a:pt x="227746" y="675200"/>
                    <a:pt x="224525" y="675200"/>
                  </a:cubicBezTo>
                  <a:lnTo>
                    <a:pt x="116873" y="675200"/>
                  </a:lnTo>
                  <a:cubicBezTo>
                    <a:pt x="103072" y="675200"/>
                    <a:pt x="92031" y="664006"/>
                    <a:pt x="92031" y="650357"/>
                  </a:cubicBezTo>
                  <a:lnTo>
                    <a:pt x="92031" y="541325"/>
                  </a:lnTo>
                  <a:cubicBezTo>
                    <a:pt x="92031" y="538872"/>
                    <a:pt x="90344" y="536571"/>
                    <a:pt x="87890" y="535805"/>
                  </a:cubicBezTo>
                  <a:lnTo>
                    <a:pt x="6768" y="511575"/>
                  </a:lnTo>
                  <a:cubicBezTo>
                    <a:pt x="4007" y="510808"/>
                    <a:pt x="1860" y="508815"/>
                    <a:pt x="787" y="506208"/>
                  </a:cubicBezTo>
                  <a:cubicBezTo>
                    <a:pt x="-287" y="503601"/>
                    <a:pt x="-287" y="500687"/>
                    <a:pt x="940" y="498080"/>
                  </a:cubicBezTo>
                  <a:lnTo>
                    <a:pt x="81756" y="333382"/>
                  </a:lnTo>
                  <a:cubicBezTo>
                    <a:pt x="89577" y="317433"/>
                    <a:pt x="94331" y="300411"/>
                    <a:pt x="95711" y="282623"/>
                  </a:cubicBezTo>
                  <a:cubicBezTo>
                    <a:pt x="107366" y="144914"/>
                    <a:pt x="209804" y="29134"/>
                    <a:pt x="345059" y="918"/>
                  </a:cubicBezTo>
                  <a:cubicBezTo>
                    <a:pt x="350273" y="-156"/>
                    <a:pt x="355334" y="3218"/>
                    <a:pt x="356407" y="8279"/>
                  </a:cubicBezTo>
                  <a:cubicBezTo>
                    <a:pt x="357480" y="13339"/>
                    <a:pt x="354107" y="18553"/>
                    <a:pt x="349046" y="19627"/>
                  </a:cubicBezTo>
                  <a:cubicBezTo>
                    <a:pt x="222072" y="46156"/>
                    <a:pt x="125768" y="154882"/>
                    <a:pt x="115033" y="284156"/>
                  </a:cubicBezTo>
                  <a:cubicBezTo>
                    <a:pt x="113346" y="304245"/>
                    <a:pt x="107979" y="323721"/>
                    <a:pt x="99085" y="341663"/>
                  </a:cubicBezTo>
                  <a:lnTo>
                    <a:pt x="23329" y="496240"/>
                  </a:lnTo>
                  <a:lnTo>
                    <a:pt x="93564" y="517249"/>
                  </a:lnTo>
                  <a:cubicBezTo>
                    <a:pt x="103992" y="520316"/>
                    <a:pt x="111353" y="530131"/>
                    <a:pt x="111353" y="541172"/>
                  </a:cubicBezTo>
                  <a:lnTo>
                    <a:pt x="111353" y="650204"/>
                  </a:lnTo>
                  <a:cubicBezTo>
                    <a:pt x="111353" y="653424"/>
                    <a:pt x="113960" y="656031"/>
                    <a:pt x="117180" y="656031"/>
                  </a:cubicBezTo>
                  <a:lnTo>
                    <a:pt x="224832" y="656031"/>
                  </a:lnTo>
                  <a:cubicBezTo>
                    <a:pt x="238634" y="656031"/>
                    <a:pt x="249675" y="667226"/>
                    <a:pt x="249675" y="680874"/>
                  </a:cubicBezTo>
                  <a:lnTo>
                    <a:pt x="249675" y="774265"/>
                  </a:lnTo>
                  <a:lnTo>
                    <a:pt x="620784" y="701423"/>
                  </a:lnTo>
                  <a:lnTo>
                    <a:pt x="620784" y="687468"/>
                  </a:lnTo>
                  <a:cubicBezTo>
                    <a:pt x="620784" y="604659"/>
                    <a:pt x="639646" y="522156"/>
                    <a:pt x="675376" y="448855"/>
                  </a:cubicBezTo>
                  <a:cubicBezTo>
                    <a:pt x="695159" y="408217"/>
                    <a:pt x="705740" y="359911"/>
                    <a:pt x="705586" y="309306"/>
                  </a:cubicBezTo>
                  <a:cubicBezTo>
                    <a:pt x="705586" y="231710"/>
                    <a:pt x="678443" y="161629"/>
                    <a:pt x="627531" y="106576"/>
                  </a:cubicBezTo>
                  <a:cubicBezTo>
                    <a:pt x="588120" y="64098"/>
                    <a:pt x="534754" y="33581"/>
                    <a:pt x="477401" y="21007"/>
                  </a:cubicBezTo>
                  <a:cubicBezTo>
                    <a:pt x="474180" y="20240"/>
                    <a:pt x="471113" y="19627"/>
                    <a:pt x="467893" y="19013"/>
                  </a:cubicBezTo>
                  <a:cubicBezTo>
                    <a:pt x="462679" y="18093"/>
                    <a:pt x="459305" y="13032"/>
                    <a:pt x="460225" y="7819"/>
                  </a:cubicBezTo>
                  <a:cubicBezTo>
                    <a:pt x="461299" y="2605"/>
                    <a:pt x="466359" y="-769"/>
                    <a:pt x="471420" y="151"/>
                  </a:cubicBezTo>
                  <a:cubicBezTo>
                    <a:pt x="474794" y="764"/>
                    <a:pt x="478167" y="1531"/>
                    <a:pt x="481541" y="2298"/>
                  </a:cubicBezTo>
                  <a:cubicBezTo>
                    <a:pt x="542728" y="15793"/>
                    <a:pt x="599468" y="48303"/>
                    <a:pt x="641486" y="93695"/>
                  </a:cubicBezTo>
                  <a:cubicBezTo>
                    <a:pt x="695772" y="152275"/>
                    <a:pt x="724449" y="226803"/>
                    <a:pt x="724602" y="309306"/>
                  </a:cubicBezTo>
                  <a:cubicBezTo>
                    <a:pt x="724602" y="362825"/>
                    <a:pt x="713561" y="413891"/>
                    <a:pt x="692398" y="457289"/>
                  </a:cubicBezTo>
                  <a:cubicBezTo>
                    <a:pt x="657894" y="527984"/>
                    <a:pt x="639799" y="607573"/>
                    <a:pt x="639799" y="687468"/>
                  </a:cubicBezTo>
                  <a:lnTo>
                    <a:pt x="639799" y="709397"/>
                  </a:lnTo>
                  <a:cubicBezTo>
                    <a:pt x="639799" y="713998"/>
                    <a:pt x="636579" y="717985"/>
                    <a:pt x="632132" y="718752"/>
                  </a:cubicBezTo>
                  <a:lnTo>
                    <a:pt x="241854" y="795427"/>
                  </a:lnTo>
                  <a:cubicBezTo>
                    <a:pt x="241854" y="795427"/>
                    <a:pt x="240627" y="795580"/>
                    <a:pt x="240014" y="795580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24" name="Freeform: Shape 23">
              <a:extLst>
                <a:ext uri="{FF2B5EF4-FFF2-40B4-BE49-F238E27FC236}">
                  <a16:creationId xmlns:a16="http://schemas.microsoft.com/office/drawing/2014/main" id="{55AEE5EC-53F3-4179-9581-0C108DE36846}"/>
                </a:ext>
              </a:extLst>
            </p:cNvPr>
            <p:cNvSpPr/>
            <p:nvPr/>
          </p:nvSpPr>
          <p:spPr>
            <a:xfrm>
              <a:off x="11291957" y="427887"/>
              <a:ext cx="387670" cy="376759"/>
            </a:xfrm>
            <a:custGeom>
              <a:avLst/>
              <a:gdLst>
                <a:gd name="connsiteX0" fmla="*/ 193528 w 387670"/>
                <a:gd name="connsiteY0" fmla="*/ 376759 h 376759"/>
                <a:gd name="connsiteX1" fmla="*/ 0 w 387670"/>
                <a:gd name="connsiteY1" fmla="*/ 183231 h 376759"/>
                <a:gd name="connsiteX2" fmla="*/ 129121 w 387670"/>
                <a:gd name="connsiteY2" fmla="*/ 590 h 376759"/>
                <a:gd name="connsiteX3" fmla="*/ 141389 w 387670"/>
                <a:gd name="connsiteY3" fmla="*/ 6417 h 376759"/>
                <a:gd name="connsiteX4" fmla="*/ 135562 w 387670"/>
                <a:gd name="connsiteY4" fmla="*/ 18685 h 376759"/>
                <a:gd name="connsiteX5" fmla="*/ 19322 w 387670"/>
                <a:gd name="connsiteY5" fmla="*/ 183231 h 376759"/>
                <a:gd name="connsiteX6" fmla="*/ 193835 w 387670"/>
                <a:gd name="connsiteY6" fmla="*/ 357744 h 376759"/>
                <a:gd name="connsiteX7" fmla="*/ 368348 w 387670"/>
                <a:gd name="connsiteY7" fmla="*/ 183231 h 376759"/>
                <a:gd name="connsiteX8" fmla="*/ 252108 w 387670"/>
                <a:gd name="connsiteY8" fmla="*/ 18685 h 376759"/>
                <a:gd name="connsiteX9" fmla="*/ 246281 w 387670"/>
                <a:gd name="connsiteY9" fmla="*/ 6417 h 376759"/>
                <a:gd name="connsiteX10" fmla="*/ 258549 w 387670"/>
                <a:gd name="connsiteY10" fmla="*/ 590 h 376759"/>
                <a:gd name="connsiteX11" fmla="*/ 387670 w 387670"/>
                <a:gd name="connsiteY11" fmla="*/ 183231 h 376759"/>
                <a:gd name="connsiteX12" fmla="*/ 194142 w 387670"/>
                <a:gd name="connsiteY12" fmla="*/ 376759 h 37675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</a:cxnLst>
              <a:rect l="l" t="t" r="r" b="b"/>
              <a:pathLst>
                <a:path w="387670" h="376759">
                  <a:moveTo>
                    <a:pt x="193528" y="376759"/>
                  </a:moveTo>
                  <a:cubicBezTo>
                    <a:pt x="86796" y="376759"/>
                    <a:pt x="0" y="289963"/>
                    <a:pt x="0" y="183231"/>
                  </a:cubicBezTo>
                  <a:cubicBezTo>
                    <a:pt x="0" y="101341"/>
                    <a:pt x="51833" y="27887"/>
                    <a:pt x="129121" y="590"/>
                  </a:cubicBezTo>
                  <a:cubicBezTo>
                    <a:pt x="134028" y="-1250"/>
                    <a:pt x="139549" y="1510"/>
                    <a:pt x="141389" y="6417"/>
                  </a:cubicBezTo>
                  <a:cubicBezTo>
                    <a:pt x="143076" y="11478"/>
                    <a:pt x="140469" y="16845"/>
                    <a:pt x="135562" y="18685"/>
                  </a:cubicBezTo>
                  <a:cubicBezTo>
                    <a:pt x="65941" y="43222"/>
                    <a:pt x="19322" y="109316"/>
                    <a:pt x="19322" y="183231"/>
                  </a:cubicBezTo>
                  <a:cubicBezTo>
                    <a:pt x="19322" y="279381"/>
                    <a:pt x="97531" y="357744"/>
                    <a:pt x="193835" y="357744"/>
                  </a:cubicBezTo>
                  <a:cubicBezTo>
                    <a:pt x="290139" y="357744"/>
                    <a:pt x="368348" y="279535"/>
                    <a:pt x="368348" y="183231"/>
                  </a:cubicBezTo>
                  <a:cubicBezTo>
                    <a:pt x="368348" y="109469"/>
                    <a:pt x="321576" y="43375"/>
                    <a:pt x="252108" y="18685"/>
                  </a:cubicBezTo>
                  <a:cubicBezTo>
                    <a:pt x="247048" y="16845"/>
                    <a:pt x="244441" y="11478"/>
                    <a:pt x="246281" y="6417"/>
                  </a:cubicBezTo>
                  <a:cubicBezTo>
                    <a:pt x="248121" y="1357"/>
                    <a:pt x="253489" y="-1250"/>
                    <a:pt x="258549" y="590"/>
                  </a:cubicBezTo>
                  <a:cubicBezTo>
                    <a:pt x="335685" y="27887"/>
                    <a:pt x="387670" y="101188"/>
                    <a:pt x="387670" y="183231"/>
                  </a:cubicBezTo>
                  <a:cubicBezTo>
                    <a:pt x="387670" y="289963"/>
                    <a:pt x="300874" y="376759"/>
                    <a:pt x="194142" y="376759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25" name="Freeform: Shape 24">
              <a:extLst>
                <a:ext uri="{FF2B5EF4-FFF2-40B4-BE49-F238E27FC236}">
                  <a16:creationId xmlns:a16="http://schemas.microsoft.com/office/drawing/2014/main" id="{47D3B339-4F8F-40CD-848B-72A1737A0C23}"/>
                </a:ext>
              </a:extLst>
            </p:cNvPr>
            <p:cNvSpPr/>
            <p:nvPr/>
          </p:nvSpPr>
          <p:spPr>
            <a:xfrm>
              <a:off x="11383967" y="509446"/>
              <a:ext cx="203036" cy="203036"/>
            </a:xfrm>
            <a:custGeom>
              <a:avLst/>
              <a:gdLst>
                <a:gd name="connsiteX0" fmla="*/ 172366 w 203036"/>
                <a:gd name="connsiteY0" fmla="*/ 28983 h 203036"/>
                <a:gd name="connsiteX1" fmla="*/ 153351 w 203036"/>
                <a:gd name="connsiteY1" fmla="*/ 14415 h 203036"/>
                <a:gd name="connsiteX2" fmla="*/ 101518 w 203036"/>
                <a:gd name="connsiteY2" fmla="*/ 0 h 203036"/>
                <a:gd name="connsiteX3" fmla="*/ 49686 w 203036"/>
                <a:gd name="connsiteY3" fmla="*/ 14415 h 203036"/>
                <a:gd name="connsiteX4" fmla="*/ 30670 w 203036"/>
                <a:gd name="connsiteY4" fmla="*/ 28983 h 203036"/>
                <a:gd name="connsiteX5" fmla="*/ 0 w 203036"/>
                <a:gd name="connsiteY5" fmla="*/ 101518 h 203036"/>
                <a:gd name="connsiteX6" fmla="*/ 101518 w 203036"/>
                <a:gd name="connsiteY6" fmla="*/ 203036 h 203036"/>
                <a:gd name="connsiteX7" fmla="*/ 203036 w 203036"/>
                <a:gd name="connsiteY7" fmla="*/ 101518 h 203036"/>
                <a:gd name="connsiteX8" fmla="*/ 172366 w 203036"/>
                <a:gd name="connsiteY8" fmla="*/ 28983 h 203036"/>
                <a:gd name="connsiteX9" fmla="*/ 101518 w 203036"/>
                <a:gd name="connsiteY9" fmla="*/ 184021 h 203036"/>
                <a:gd name="connsiteX10" fmla="*/ 19015 w 203036"/>
                <a:gd name="connsiteY10" fmla="*/ 101518 h 203036"/>
                <a:gd name="connsiteX11" fmla="*/ 46772 w 203036"/>
                <a:gd name="connsiteY11" fmla="*/ 40025 h 203036"/>
                <a:gd name="connsiteX12" fmla="*/ 46772 w 203036"/>
                <a:gd name="connsiteY12" fmla="*/ 40025 h 203036"/>
                <a:gd name="connsiteX13" fmla="*/ 101365 w 203036"/>
                <a:gd name="connsiteY13" fmla="*/ 19015 h 203036"/>
                <a:gd name="connsiteX14" fmla="*/ 155958 w 203036"/>
                <a:gd name="connsiteY14" fmla="*/ 39871 h 203036"/>
                <a:gd name="connsiteX15" fmla="*/ 155958 w 203036"/>
                <a:gd name="connsiteY15" fmla="*/ 39871 h 203036"/>
                <a:gd name="connsiteX16" fmla="*/ 183714 w 203036"/>
                <a:gd name="connsiteY16" fmla="*/ 101518 h 203036"/>
                <a:gd name="connsiteX17" fmla="*/ 101211 w 203036"/>
                <a:gd name="connsiteY17" fmla="*/ 184021 h 2030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</a:cxnLst>
              <a:rect l="l" t="t" r="r" b="b"/>
              <a:pathLst>
                <a:path w="203036" h="203036">
                  <a:moveTo>
                    <a:pt x="172366" y="28983"/>
                  </a:moveTo>
                  <a:cubicBezTo>
                    <a:pt x="166692" y="23309"/>
                    <a:pt x="160251" y="18402"/>
                    <a:pt x="153351" y="14415"/>
                  </a:cubicBezTo>
                  <a:cubicBezTo>
                    <a:pt x="138169" y="5214"/>
                    <a:pt x="120380" y="0"/>
                    <a:pt x="101518" y="0"/>
                  </a:cubicBezTo>
                  <a:cubicBezTo>
                    <a:pt x="82656" y="0"/>
                    <a:pt x="64867" y="5214"/>
                    <a:pt x="49686" y="14415"/>
                  </a:cubicBezTo>
                  <a:cubicBezTo>
                    <a:pt x="42785" y="18402"/>
                    <a:pt x="36344" y="23309"/>
                    <a:pt x="30670" y="28983"/>
                  </a:cubicBezTo>
                  <a:cubicBezTo>
                    <a:pt x="11808" y="47385"/>
                    <a:pt x="0" y="73148"/>
                    <a:pt x="0" y="101518"/>
                  </a:cubicBezTo>
                  <a:cubicBezTo>
                    <a:pt x="0" y="157491"/>
                    <a:pt x="45545" y="203036"/>
                    <a:pt x="101518" y="203036"/>
                  </a:cubicBezTo>
                  <a:cubicBezTo>
                    <a:pt x="157491" y="203036"/>
                    <a:pt x="203036" y="157491"/>
                    <a:pt x="203036" y="101518"/>
                  </a:cubicBezTo>
                  <a:cubicBezTo>
                    <a:pt x="203036" y="73148"/>
                    <a:pt x="191228" y="47385"/>
                    <a:pt x="172366" y="28983"/>
                  </a:cubicBezTo>
                  <a:close/>
                  <a:moveTo>
                    <a:pt x="101518" y="184021"/>
                  </a:moveTo>
                  <a:cubicBezTo>
                    <a:pt x="56126" y="184021"/>
                    <a:pt x="19015" y="146910"/>
                    <a:pt x="19015" y="101518"/>
                  </a:cubicBezTo>
                  <a:cubicBezTo>
                    <a:pt x="19015" y="77135"/>
                    <a:pt x="29750" y="55053"/>
                    <a:pt x="46772" y="40025"/>
                  </a:cubicBezTo>
                  <a:lnTo>
                    <a:pt x="46772" y="40025"/>
                  </a:lnTo>
                  <a:cubicBezTo>
                    <a:pt x="61340" y="26836"/>
                    <a:pt x="80509" y="19015"/>
                    <a:pt x="101365" y="19015"/>
                  </a:cubicBezTo>
                  <a:cubicBezTo>
                    <a:pt x="122220" y="19015"/>
                    <a:pt x="141389" y="26836"/>
                    <a:pt x="155958" y="39871"/>
                  </a:cubicBezTo>
                  <a:lnTo>
                    <a:pt x="155958" y="39871"/>
                  </a:lnTo>
                  <a:cubicBezTo>
                    <a:pt x="172980" y="55053"/>
                    <a:pt x="183714" y="77135"/>
                    <a:pt x="183714" y="101518"/>
                  </a:cubicBezTo>
                  <a:cubicBezTo>
                    <a:pt x="183714" y="146910"/>
                    <a:pt x="146603" y="184021"/>
                    <a:pt x="101211" y="18402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26" name="Freeform: Shape 25">
              <a:extLst>
                <a:ext uri="{FF2B5EF4-FFF2-40B4-BE49-F238E27FC236}">
                  <a16:creationId xmlns:a16="http://schemas.microsoft.com/office/drawing/2014/main" id="{505E0140-048A-42A8-9E62-55D448BF73E3}"/>
                </a:ext>
              </a:extLst>
            </p:cNvPr>
            <p:cNvSpPr/>
            <p:nvPr/>
          </p:nvSpPr>
          <p:spPr>
            <a:xfrm>
              <a:off x="11414944" y="279421"/>
              <a:ext cx="141695" cy="272657"/>
            </a:xfrm>
            <a:custGeom>
              <a:avLst/>
              <a:gdLst>
                <a:gd name="connsiteX0" fmla="*/ 141389 w 141695"/>
                <a:gd name="connsiteY0" fmla="*/ 9508 h 272657"/>
                <a:gd name="connsiteX1" fmla="*/ 141389 w 141695"/>
                <a:gd name="connsiteY1" fmla="*/ 262996 h 272657"/>
                <a:gd name="connsiteX2" fmla="*/ 131882 w 141695"/>
                <a:gd name="connsiteY2" fmla="*/ 272657 h 272657"/>
                <a:gd name="connsiteX3" fmla="*/ 125287 w 141695"/>
                <a:gd name="connsiteY3" fmla="*/ 270050 h 272657"/>
                <a:gd name="connsiteX4" fmla="*/ 125287 w 141695"/>
                <a:gd name="connsiteY4" fmla="*/ 270050 h 272657"/>
                <a:gd name="connsiteX5" fmla="*/ 122527 w 141695"/>
                <a:gd name="connsiteY5" fmla="*/ 262996 h 272657"/>
                <a:gd name="connsiteX6" fmla="*/ 122527 w 141695"/>
                <a:gd name="connsiteY6" fmla="*/ 19015 h 272657"/>
                <a:gd name="connsiteX7" fmla="*/ 18862 w 141695"/>
                <a:gd name="connsiteY7" fmla="*/ 19015 h 272657"/>
                <a:gd name="connsiteX8" fmla="*/ 18862 w 141695"/>
                <a:gd name="connsiteY8" fmla="*/ 262996 h 272657"/>
                <a:gd name="connsiteX9" fmla="*/ 16102 w 141695"/>
                <a:gd name="connsiteY9" fmla="*/ 269897 h 272657"/>
                <a:gd name="connsiteX10" fmla="*/ 16102 w 141695"/>
                <a:gd name="connsiteY10" fmla="*/ 269897 h 272657"/>
                <a:gd name="connsiteX11" fmla="*/ 9508 w 141695"/>
                <a:gd name="connsiteY11" fmla="*/ 272657 h 272657"/>
                <a:gd name="connsiteX12" fmla="*/ 0 w 141695"/>
                <a:gd name="connsiteY12" fmla="*/ 262996 h 272657"/>
                <a:gd name="connsiteX13" fmla="*/ 0 w 141695"/>
                <a:gd name="connsiteY13" fmla="*/ 9508 h 272657"/>
                <a:gd name="connsiteX14" fmla="*/ 9508 w 141695"/>
                <a:gd name="connsiteY14" fmla="*/ 0 h 272657"/>
                <a:gd name="connsiteX15" fmla="*/ 132188 w 141695"/>
                <a:gd name="connsiteY15" fmla="*/ 0 h 272657"/>
                <a:gd name="connsiteX16" fmla="*/ 141696 w 141695"/>
                <a:gd name="connsiteY16" fmla="*/ 9508 h 27265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141695" h="272657">
                  <a:moveTo>
                    <a:pt x="141389" y="9508"/>
                  </a:moveTo>
                  <a:lnTo>
                    <a:pt x="141389" y="262996"/>
                  </a:lnTo>
                  <a:cubicBezTo>
                    <a:pt x="141389" y="268364"/>
                    <a:pt x="137249" y="272657"/>
                    <a:pt x="131882" y="272657"/>
                  </a:cubicBezTo>
                  <a:cubicBezTo>
                    <a:pt x="129275" y="272657"/>
                    <a:pt x="126974" y="271584"/>
                    <a:pt x="125287" y="270050"/>
                  </a:cubicBezTo>
                  <a:lnTo>
                    <a:pt x="125287" y="270050"/>
                  </a:lnTo>
                  <a:cubicBezTo>
                    <a:pt x="123601" y="268057"/>
                    <a:pt x="122527" y="265603"/>
                    <a:pt x="122527" y="262996"/>
                  </a:cubicBezTo>
                  <a:lnTo>
                    <a:pt x="122527" y="19015"/>
                  </a:lnTo>
                  <a:lnTo>
                    <a:pt x="18862" y="19015"/>
                  </a:lnTo>
                  <a:lnTo>
                    <a:pt x="18862" y="262996"/>
                  </a:lnTo>
                  <a:cubicBezTo>
                    <a:pt x="18862" y="265603"/>
                    <a:pt x="17789" y="268057"/>
                    <a:pt x="16102" y="269897"/>
                  </a:cubicBezTo>
                  <a:lnTo>
                    <a:pt x="16102" y="269897"/>
                  </a:lnTo>
                  <a:cubicBezTo>
                    <a:pt x="14415" y="271584"/>
                    <a:pt x="12115" y="272657"/>
                    <a:pt x="9508" y="272657"/>
                  </a:cubicBezTo>
                  <a:cubicBezTo>
                    <a:pt x="4140" y="272657"/>
                    <a:pt x="0" y="268364"/>
                    <a:pt x="0" y="262996"/>
                  </a:cubicBezTo>
                  <a:lnTo>
                    <a:pt x="0" y="9508"/>
                  </a:lnTo>
                  <a:cubicBezTo>
                    <a:pt x="0" y="4140"/>
                    <a:pt x="4140" y="0"/>
                    <a:pt x="9508" y="0"/>
                  </a:cubicBezTo>
                  <a:lnTo>
                    <a:pt x="132188" y="0"/>
                  </a:lnTo>
                  <a:cubicBezTo>
                    <a:pt x="137556" y="0"/>
                    <a:pt x="141696" y="4140"/>
                    <a:pt x="141696" y="9508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</p:grpSp>
      <p:grpSp>
        <p:nvGrpSpPr>
          <p:cNvPr id="42" name="Group 41">
            <a:extLst>
              <a:ext uri="{FF2B5EF4-FFF2-40B4-BE49-F238E27FC236}">
                <a16:creationId xmlns:a16="http://schemas.microsoft.com/office/drawing/2014/main" id="{1D071D00-1862-4BBB-8B60-34BCF2F1F99A}"/>
              </a:ext>
            </a:extLst>
          </p:cNvPr>
          <p:cNvGrpSpPr/>
          <p:nvPr/>
        </p:nvGrpSpPr>
        <p:grpSpPr>
          <a:xfrm>
            <a:off x="11110172" y="3126428"/>
            <a:ext cx="580872" cy="581088"/>
            <a:chOff x="11182722" y="3200216"/>
            <a:chExt cx="507111" cy="507300"/>
          </a:xfrm>
        </p:grpSpPr>
        <p:sp>
          <p:nvSpPr>
            <p:cNvPr id="31" name="Freeform: Shape 30">
              <a:extLst>
                <a:ext uri="{FF2B5EF4-FFF2-40B4-BE49-F238E27FC236}">
                  <a16:creationId xmlns:a16="http://schemas.microsoft.com/office/drawing/2014/main" id="{63B63C98-7E8E-4C88-BB3A-E2205D92043A}"/>
                </a:ext>
              </a:extLst>
            </p:cNvPr>
            <p:cNvSpPr/>
            <p:nvPr/>
          </p:nvSpPr>
          <p:spPr>
            <a:xfrm>
              <a:off x="11306547" y="3362141"/>
              <a:ext cx="259461" cy="282130"/>
            </a:xfrm>
            <a:custGeom>
              <a:avLst/>
              <a:gdLst>
                <a:gd name="connsiteX0" fmla="*/ 253555 w 259461"/>
                <a:gd name="connsiteY0" fmla="*/ 0 h 282130"/>
                <a:gd name="connsiteX1" fmla="*/ 34481 w 259461"/>
                <a:gd name="connsiteY1" fmla="*/ 0 h 282130"/>
                <a:gd name="connsiteX2" fmla="*/ 0 w 259461"/>
                <a:gd name="connsiteY2" fmla="*/ 34481 h 282130"/>
                <a:gd name="connsiteX3" fmla="*/ 0 w 259461"/>
                <a:gd name="connsiteY3" fmla="*/ 282131 h 282130"/>
                <a:gd name="connsiteX4" fmla="*/ 259461 w 259461"/>
                <a:gd name="connsiteY4" fmla="*/ 282131 h 282130"/>
                <a:gd name="connsiteX5" fmla="*/ 259461 w 259461"/>
                <a:gd name="connsiteY5" fmla="*/ 5906 h 282130"/>
                <a:gd name="connsiteX6" fmla="*/ 253555 w 259461"/>
                <a:gd name="connsiteY6" fmla="*/ 0 h 282130"/>
                <a:gd name="connsiteX7" fmla="*/ 180975 w 259461"/>
                <a:gd name="connsiteY7" fmla="*/ 149257 h 282130"/>
                <a:gd name="connsiteX8" fmla="*/ 126111 w 259461"/>
                <a:gd name="connsiteY8" fmla="*/ 125825 h 282130"/>
                <a:gd name="connsiteX9" fmla="*/ 126111 w 259461"/>
                <a:gd name="connsiteY9" fmla="*/ 91154 h 282130"/>
                <a:gd name="connsiteX10" fmla="*/ 180975 w 259461"/>
                <a:gd name="connsiteY10" fmla="*/ 114586 h 282130"/>
                <a:gd name="connsiteX11" fmla="*/ 180975 w 259461"/>
                <a:gd name="connsiteY11" fmla="*/ 149257 h 282130"/>
                <a:gd name="connsiteX12" fmla="*/ 78581 w 259461"/>
                <a:gd name="connsiteY12" fmla="*/ 191643 h 282130"/>
                <a:gd name="connsiteX13" fmla="*/ 96488 w 259461"/>
                <a:gd name="connsiteY13" fmla="*/ 173736 h 282130"/>
                <a:gd name="connsiteX14" fmla="*/ 114395 w 259461"/>
                <a:gd name="connsiteY14" fmla="*/ 191643 h 282130"/>
                <a:gd name="connsiteX15" fmla="*/ 96488 w 259461"/>
                <a:gd name="connsiteY15" fmla="*/ 209550 h 282130"/>
                <a:gd name="connsiteX16" fmla="*/ 78581 w 259461"/>
                <a:gd name="connsiteY16" fmla="*/ 191643 h 28213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259461" h="282130">
                  <a:moveTo>
                    <a:pt x="253555" y="0"/>
                  </a:moveTo>
                  <a:lnTo>
                    <a:pt x="34481" y="0"/>
                  </a:lnTo>
                  <a:cubicBezTo>
                    <a:pt x="15430" y="0"/>
                    <a:pt x="0" y="15431"/>
                    <a:pt x="0" y="34481"/>
                  </a:cubicBezTo>
                  <a:lnTo>
                    <a:pt x="0" y="282131"/>
                  </a:lnTo>
                  <a:lnTo>
                    <a:pt x="259461" y="282131"/>
                  </a:lnTo>
                  <a:lnTo>
                    <a:pt x="259461" y="5906"/>
                  </a:lnTo>
                  <a:cubicBezTo>
                    <a:pt x="259461" y="2572"/>
                    <a:pt x="256794" y="0"/>
                    <a:pt x="253555" y="0"/>
                  </a:cubicBezTo>
                  <a:close/>
                  <a:moveTo>
                    <a:pt x="180975" y="149257"/>
                  </a:moveTo>
                  <a:lnTo>
                    <a:pt x="126111" y="125825"/>
                  </a:lnTo>
                  <a:lnTo>
                    <a:pt x="126111" y="91154"/>
                  </a:lnTo>
                  <a:lnTo>
                    <a:pt x="180975" y="114586"/>
                  </a:lnTo>
                  <a:lnTo>
                    <a:pt x="180975" y="149257"/>
                  </a:lnTo>
                  <a:close/>
                  <a:moveTo>
                    <a:pt x="78581" y="191643"/>
                  </a:moveTo>
                  <a:cubicBezTo>
                    <a:pt x="78581" y="181832"/>
                    <a:pt x="86678" y="173736"/>
                    <a:pt x="96488" y="173736"/>
                  </a:cubicBezTo>
                  <a:cubicBezTo>
                    <a:pt x="106299" y="173736"/>
                    <a:pt x="114395" y="181832"/>
                    <a:pt x="114395" y="191643"/>
                  </a:cubicBezTo>
                  <a:cubicBezTo>
                    <a:pt x="114395" y="201454"/>
                    <a:pt x="106299" y="209550"/>
                    <a:pt x="96488" y="209550"/>
                  </a:cubicBezTo>
                  <a:cubicBezTo>
                    <a:pt x="86678" y="209550"/>
                    <a:pt x="78581" y="201454"/>
                    <a:pt x="78581" y="191643"/>
                  </a:cubicBezTo>
                  <a:close/>
                </a:path>
              </a:pathLst>
            </a:custGeom>
            <a:solidFill>
              <a:srgbClr val="F64A46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32" name="Freeform: Shape 31">
              <a:extLst>
                <a:ext uri="{FF2B5EF4-FFF2-40B4-BE49-F238E27FC236}">
                  <a16:creationId xmlns:a16="http://schemas.microsoft.com/office/drawing/2014/main" id="{8FDBFC85-7E27-44E1-9C24-D8139166DF22}"/>
                </a:ext>
              </a:extLst>
            </p:cNvPr>
            <p:cNvSpPr/>
            <p:nvPr/>
          </p:nvSpPr>
          <p:spPr>
            <a:xfrm>
              <a:off x="11220822" y="3200216"/>
              <a:ext cx="430911" cy="202406"/>
            </a:xfrm>
            <a:custGeom>
              <a:avLst/>
              <a:gdLst>
                <a:gd name="connsiteX0" fmla="*/ 425006 w 430911"/>
                <a:gd name="connsiteY0" fmla="*/ 202406 h 202406"/>
                <a:gd name="connsiteX1" fmla="*/ 419100 w 430911"/>
                <a:gd name="connsiteY1" fmla="*/ 196501 h 202406"/>
                <a:gd name="connsiteX2" fmla="*/ 419100 w 430911"/>
                <a:gd name="connsiteY2" fmla="*/ 158401 h 202406"/>
                <a:gd name="connsiteX3" fmla="*/ 272606 w 430911"/>
                <a:gd name="connsiteY3" fmla="*/ 11906 h 202406"/>
                <a:gd name="connsiteX4" fmla="*/ 158306 w 430911"/>
                <a:gd name="connsiteY4" fmla="*/ 11906 h 202406"/>
                <a:gd name="connsiteX5" fmla="*/ 11811 w 430911"/>
                <a:gd name="connsiteY5" fmla="*/ 158401 h 202406"/>
                <a:gd name="connsiteX6" fmla="*/ 11811 w 430911"/>
                <a:gd name="connsiteY6" fmla="*/ 196501 h 202406"/>
                <a:gd name="connsiteX7" fmla="*/ 5905 w 430911"/>
                <a:gd name="connsiteY7" fmla="*/ 202406 h 202406"/>
                <a:gd name="connsiteX8" fmla="*/ 0 w 430911"/>
                <a:gd name="connsiteY8" fmla="*/ 196501 h 202406"/>
                <a:gd name="connsiteX9" fmla="*/ 0 w 430911"/>
                <a:gd name="connsiteY9" fmla="*/ 158401 h 202406"/>
                <a:gd name="connsiteX10" fmla="*/ 158306 w 430911"/>
                <a:gd name="connsiteY10" fmla="*/ 0 h 202406"/>
                <a:gd name="connsiteX11" fmla="*/ 272606 w 430911"/>
                <a:gd name="connsiteY11" fmla="*/ 0 h 202406"/>
                <a:gd name="connsiteX12" fmla="*/ 430911 w 430911"/>
                <a:gd name="connsiteY12" fmla="*/ 158306 h 202406"/>
                <a:gd name="connsiteX13" fmla="*/ 430911 w 430911"/>
                <a:gd name="connsiteY13" fmla="*/ 196406 h 202406"/>
                <a:gd name="connsiteX14" fmla="*/ 425006 w 430911"/>
                <a:gd name="connsiteY14" fmla="*/ 202311 h 20240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430911" h="202406">
                  <a:moveTo>
                    <a:pt x="425006" y="202406"/>
                  </a:moveTo>
                  <a:cubicBezTo>
                    <a:pt x="421767" y="202406"/>
                    <a:pt x="419100" y="199739"/>
                    <a:pt x="419100" y="196501"/>
                  </a:cubicBezTo>
                  <a:lnTo>
                    <a:pt x="419100" y="158401"/>
                  </a:lnTo>
                  <a:cubicBezTo>
                    <a:pt x="419100" y="77629"/>
                    <a:pt x="353378" y="11906"/>
                    <a:pt x="272606" y="11906"/>
                  </a:cubicBezTo>
                  <a:lnTo>
                    <a:pt x="158306" y="11906"/>
                  </a:lnTo>
                  <a:cubicBezTo>
                    <a:pt x="77534" y="11906"/>
                    <a:pt x="11811" y="77629"/>
                    <a:pt x="11811" y="158401"/>
                  </a:cubicBezTo>
                  <a:lnTo>
                    <a:pt x="11811" y="196501"/>
                  </a:lnTo>
                  <a:cubicBezTo>
                    <a:pt x="11811" y="199835"/>
                    <a:pt x="9144" y="202406"/>
                    <a:pt x="5905" y="202406"/>
                  </a:cubicBezTo>
                  <a:cubicBezTo>
                    <a:pt x="2667" y="202406"/>
                    <a:pt x="0" y="199739"/>
                    <a:pt x="0" y="196501"/>
                  </a:cubicBezTo>
                  <a:lnTo>
                    <a:pt x="0" y="158401"/>
                  </a:lnTo>
                  <a:cubicBezTo>
                    <a:pt x="0" y="71057"/>
                    <a:pt x="71057" y="0"/>
                    <a:pt x="158306" y="0"/>
                  </a:cubicBezTo>
                  <a:lnTo>
                    <a:pt x="272606" y="0"/>
                  </a:lnTo>
                  <a:cubicBezTo>
                    <a:pt x="359950" y="0"/>
                    <a:pt x="430911" y="71057"/>
                    <a:pt x="430911" y="158306"/>
                  </a:cubicBezTo>
                  <a:lnTo>
                    <a:pt x="430911" y="196406"/>
                  </a:lnTo>
                  <a:cubicBezTo>
                    <a:pt x="430911" y="199739"/>
                    <a:pt x="428244" y="202311"/>
                    <a:pt x="425006" y="20231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33" name="Freeform: Shape 32">
              <a:extLst>
                <a:ext uri="{FF2B5EF4-FFF2-40B4-BE49-F238E27FC236}">
                  <a16:creationId xmlns:a16="http://schemas.microsoft.com/office/drawing/2014/main" id="{D926AAAD-9E2C-4D9D-B2B0-F91F0E867C63}"/>
                </a:ext>
              </a:extLst>
            </p:cNvPr>
            <p:cNvSpPr/>
            <p:nvPr/>
          </p:nvSpPr>
          <p:spPr>
            <a:xfrm>
              <a:off x="11258922" y="3238411"/>
              <a:ext cx="354711" cy="164210"/>
            </a:xfrm>
            <a:custGeom>
              <a:avLst/>
              <a:gdLst>
                <a:gd name="connsiteX0" fmla="*/ 348806 w 354711"/>
                <a:gd name="connsiteY0" fmla="*/ 164211 h 164210"/>
                <a:gd name="connsiteX1" fmla="*/ 342900 w 354711"/>
                <a:gd name="connsiteY1" fmla="*/ 158305 h 164210"/>
                <a:gd name="connsiteX2" fmla="*/ 342900 w 354711"/>
                <a:gd name="connsiteY2" fmla="*/ 120205 h 164210"/>
                <a:gd name="connsiteX3" fmla="*/ 234505 w 354711"/>
                <a:gd name="connsiteY3" fmla="*/ 11811 h 164210"/>
                <a:gd name="connsiteX4" fmla="*/ 120206 w 354711"/>
                <a:gd name="connsiteY4" fmla="*/ 11811 h 164210"/>
                <a:gd name="connsiteX5" fmla="*/ 11811 w 354711"/>
                <a:gd name="connsiteY5" fmla="*/ 120205 h 164210"/>
                <a:gd name="connsiteX6" fmla="*/ 11811 w 354711"/>
                <a:gd name="connsiteY6" fmla="*/ 158305 h 164210"/>
                <a:gd name="connsiteX7" fmla="*/ 5905 w 354711"/>
                <a:gd name="connsiteY7" fmla="*/ 164211 h 164210"/>
                <a:gd name="connsiteX8" fmla="*/ 0 w 354711"/>
                <a:gd name="connsiteY8" fmla="*/ 158305 h 164210"/>
                <a:gd name="connsiteX9" fmla="*/ 0 w 354711"/>
                <a:gd name="connsiteY9" fmla="*/ 120205 h 164210"/>
                <a:gd name="connsiteX10" fmla="*/ 120206 w 354711"/>
                <a:gd name="connsiteY10" fmla="*/ 0 h 164210"/>
                <a:gd name="connsiteX11" fmla="*/ 234505 w 354711"/>
                <a:gd name="connsiteY11" fmla="*/ 0 h 164210"/>
                <a:gd name="connsiteX12" fmla="*/ 354711 w 354711"/>
                <a:gd name="connsiteY12" fmla="*/ 120205 h 164210"/>
                <a:gd name="connsiteX13" fmla="*/ 354711 w 354711"/>
                <a:gd name="connsiteY13" fmla="*/ 158305 h 164210"/>
                <a:gd name="connsiteX14" fmla="*/ 348806 w 354711"/>
                <a:gd name="connsiteY14" fmla="*/ 164211 h 1642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54711" h="164210">
                  <a:moveTo>
                    <a:pt x="348806" y="164211"/>
                  </a:moveTo>
                  <a:cubicBezTo>
                    <a:pt x="345567" y="164211"/>
                    <a:pt x="342900" y="161544"/>
                    <a:pt x="342900" y="158305"/>
                  </a:cubicBezTo>
                  <a:lnTo>
                    <a:pt x="342900" y="120205"/>
                  </a:lnTo>
                  <a:cubicBezTo>
                    <a:pt x="342900" y="60484"/>
                    <a:pt x="294323" y="11811"/>
                    <a:pt x="234505" y="11811"/>
                  </a:cubicBezTo>
                  <a:lnTo>
                    <a:pt x="120206" y="11811"/>
                  </a:lnTo>
                  <a:cubicBezTo>
                    <a:pt x="60484" y="11811"/>
                    <a:pt x="11811" y="60389"/>
                    <a:pt x="11811" y="120205"/>
                  </a:cubicBezTo>
                  <a:lnTo>
                    <a:pt x="11811" y="158305"/>
                  </a:lnTo>
                  <a:cubicBezTo>
                    <a:pt x="11811" y="161639"/>
                    <a:pt x="9144" y="164211"/>
                    <a:pt x="5905" y="164211"/>
                  </a:cubicBezTo>
                  <a:cubicBezTo>
                    <a:pt x="2667" y="164211"/>
                    <a:pt x="0" y="161544"/>
                    <a:pt x="0" y="158305"/>
                  </a:cubicBezTo>
                  <a:lnTo>
                    <a:pt x="0" y="120205"/>
                  </a:lnTo>
                  <a:cubicBezTo>
                    <a:pt x="0" y="53912"/>
                    <a:pt x="53912" y="0"/>
                    <a:pt x="120206" y="0"/>
                  </a:cubicBezTo>
                  <a:lnTo>
                    <a:pt x="234505" y="0"/>
                  </a:lnTo>
                  <a:cubicBezTo>
                    <a:pt x="300800" y="0"/>
                    <a:pt x="354711" y="53912"/>
                    <a:pt x="354711" y="120205"/>
                  </a:cubicBezTo>
                  <a:lnTo>
                    <a:pt x="354711" y="158305"/>
                  </a:lnTo>
                  <a:cubicBezTo>
                    <a:pt x="354711" y="161639"/>
                    <a:pt x="352044" y="164211"/>
                    <a:pt x="348806" y="16421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34" name="Freeform: Shape 33">
              <a:extLst>
                <a:ext uri="{FF2B5EF4-FFF2-40B4-BE49-F238E27FC236}">
                  <a16:creationId xmlns:a16="http://schemas.microsoft.com/office/drawing/2014/main" id="{813CE891-152E-4431-91E3-BFC6FE2B1E3A}"/>
                </a:ext>
              </a:extLst>
            </p:cNvPr>
            <p:cNvSpPr/>
            <p:nvPr/>
          </p:nvSpPr>
          <p:spPr>
            <a:xfrm>
              <a:off x="11182722" y="3390811"/>
              <a:ext cx="88010" cy="183260"/>
            </a:xfrm>
            <a:custGeom>
              <a:avLst/>
              <a:gdLst>
                <a:gd name="connsiteX0" fmla="*/ 44006 w 88010"/>
                <a:gd name="connsiteY0" fmla="*/ 183261 h 183260"/>
                <a:gd name="connsiteX1" fmla="*/ 0 w 88010"/>
                <a:gd name="connsiteY1" fmla="*/ 139256 h 183260"/>
                <a:gd name="connsiteX2" fmla="*/ 0 w 88010"/>
                <a:gd name="connsiteY2" fmla="*/ 44005 h 183260"/>
                <a:gd name="connsiteX3" fmla="*/ 44006 w 88010"/>
                <a:gd name="connsiteY3" fmla="*/ 0 h 183260"/>
                <a:gd name="connsiteX4" fmla="*/ 82106 w 88010"/>
                <a:gd name="connsiteY4" fmla="*/ 0 h 183260"/>
                <a:gd name="connsiteX5" fmla="*/ 88011 w 88010"/>
                <a:gd name="connsiteY5" fmla="*/ 5905 h 183260"/>
                <a:gd name="connsiteX6" fmla="*/ 88011 w 88010"/>
                <a:gd name="connsiteY6" fmla="*/ 139256 h 183260"/>
                <a:gd name="connsiteX7" fmla="*/ 44006 w 88010"/>
                <a:gd name="connsiteY7" fmla="*/ 183261 h 183260"/>
                <a:gd name="connsiteX8" fmla="*/ 44006 w 88010"/>
                <a:gd name="connsiteY8" fmla="*/ 11811 h 183260"/>
                <a:gd name="connsiteX9" fmla="*/ 11811 w 88010"/>
                <a:gd name="connsiteY9" fmla="*/ 44005 h 183260"/>
                <a:gd name="connsiteX10" fmla="*/ 11811 w 88010"/>
                <a:gd name="connsiteY10" fmla="*/ 139256 h 183260"/>
                <a:gd name="connsiteX11" fmla="*/ 44006 w 88010"/>
                <a:gd name="connsiteY11" fmla="*/ 171450 h 183260"/>
                <a:gd name="connsiteX12" fmla="*/ 76200 w 88010"/>
                <a:gd name="connsiteY12" fmla="*/ 139256 h 183260"/>
                <a:gd name="connsiteX13" fmla="*/ 76200 w 88010"/>
                <a:gd name="connsiteY13" fmla="*/ 11811 h 183260"/>
                <a:gd name="connsiteX14" fmla="*/ 44006 w 88010"/>
                <a:gd name="connsiteY14" fmla="*/ 11811 h 18326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88010" h="183260">
                  <a:moveTo>
                    <a:pt x="44006" y="183261"/>
                  </a:moveTo>
                  <a:cubicBezTo>
                    <a:pt x="19717" y="183261"/>
                    <a:pt x="0" y="163544"/>
                    <a:pt x="0" y="139256"/>
                  </a:cubicBezTo>
                  <a:lnTo>
                    <a:pt x="0" y="44005"/>
                  </a:lnTo>
                  <a:cubicBezTo>
                    <a:pt x="0" y="19717"/>
                    <a:pt x="19812" y="0"/>
                    <a:pt x="44006" y="0"/>
                  </a:cubicBezTo>
                  <a:lnTo>
                    <a:pt x="82106" y="0"/>
                  </a:lnTo>
                  <a:cubicBezTo>
                    <a:pt x="85344" y="0"/>
                    <a:pt x="88011" y="2667"/>
                    <a:pt x="88011" y="5905"/>
                  </a:cubicBezTo>
                  <a:lnTo>
                    <a:pt x="88011" y="139256"/>
                  </a:lnTo>
                  <a:cubicBezTo>
                    <a:pt x="88011" y="163544"/>
                    <a:pt x="68199" y="183261"/>
                    <a:pt x="44006" y="183261"/>
                  </a:cubicBezTo>
                  <a:close/>
                  <a:moveTo>
                    <a:pt x="44006" y="11811"/>
                  </a:moveTo>
                  <a:cubicBezTo>
                    <a:pt x="26289" y="11811"/>
                    <a:pt x="11811" y="26194"/>
                    <a:pt x="11811" y="44005"/>
                  </a:cubicBezTo>
                  <a:lnTo>
                    <a:pt x="11811" y="139256"/>
                  </a:lnTo>
                  <a:cubicBezTo>
                    <a:pt x="11811" y="156972"/>
                    <a:pt x="26194" y="171450"/>
                    <a:pt x="44006" y="171450"/>
                  </a:cubicBezTo>
                  <a:cubicBezTo>
                    <a:pt x="61817" y="171450"/>
                    <a:pt x="76200" y="157067"/>
                    <a:pt x="76200" y="139256"/>
                  </a:cubicBezTo>
                  <a:lnTo>
                    <a:pt x="76200" y="11811"/>
                  </a:lnTo>
                  <a:lnTo>
                    <a:pt x="44006" y="11811"/>
                  </a:ln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35" name="Freeform: Shape 34">
              <a:extLst>
                <a:ext uri="{FF2B5EF4-FFF2-40B4-BE49-F238E27FC236}">
                  <a16:creationId xmlns:a16="http://schemas.microsoft.com/office/drawing/2014/main" id="{2644EE4D-5914-425A-8DC3-2EAECFE00DF5}"/>
                </a:ext>
              </a:extLst>
            </p:cNvPr>
            <p:cNvSpPr/>
            <p:nvPr/>
          </p:nvSpPr>
          <p:spPr>
            <a:xfrm>
              <a:off x="11601822" y="3390811"/>
              <a:ext cx="88011" cy="183260"/>
            </a:xfrm>
            <a:custGeom>
              <a:avLst/>
              <a:gdLst>
                <a:gd name="connsiteX0" fmla="*/ 44005 w 88011"/>
                <a:gd name="connsiteY0" fmla="*/ 183261 h 183260"/>
                <a:gd name="connsiteX1" fmla="*/ 0 w 88011"/>
                <a:gd name="connsiteY1" fmla="*/ 139256 h 183260"/>
                <a:gd name="connsiteX2" fmla="*/ 0 w 88011"/>
                <a:gd name="connsiteY2" fmla="*/ 5905 h 183260"/>
                <a:gd name="connsiteX3" fmla="*/ 5905 w 88011"/>
                <a:gd name="connsiteY3" fmla="*/ 0 h 183260"/>
                <a:gd name="connsiteX4" fmla="*/ 44005 w 88011"/>
                <a:gd name="connsiteY4" fmla="*/ 0 h 183260"/>
                <a:gd name="connsiteX5" fmla="*/ 88011 w 88011"/>
                <a:gd name="connsiteY5" fmla="*/ 44005 h 183260"/>
                <a:gd name="connsiteX6" fmla="*/ 88011 w 88011"/>
                <a:gd name="connsiteY6" fmla="*/ 139256 h 183260"/>
                <a:gd name="connsiteX7" fmla="*/ 44005 w 88011"/>
                <a:gd name="connsiteY7" fmla="*/ 183261 h 183260"/>
                <a:gd name="connsiteX8" fmla="*/ 11906 w 88011"/>
                <a:gd name="connsiteY8" fmla="*/ 11811 h 183260"/>
                <a:gd name="connsiteX9" fmla="*/ 11906 w 88011"/>
                <a:gd name="connsiteY9" fmla="*/ 139256 h 183260"/>
                <a:gd name="connsiteX10" fmla="*/ 44101 w 88011"/>
                <a:gd name="connsiteY10" fmla="*/ 171450 h 183260"/>
                <a:gd name="connsiteX11" fmla="*/ 76295 w 88011"/>
                <a:gd name="connsiteY11" fmla="*/ 139256 h 183260"/>
                <a:gd name="connsiteX12" fmla="*/ 76295 w 88011"/>
                <a:gd name="connsiteY12" fmla="*/ 44005 h 183260"/>
                <a:gd name="connsiteX13" fmla="*/ 44101 w 88011"/>
                <a:gd name="connsiteY13" fmla="*/ 11811 h 183260"/>
                <a:gd name="connsiteX14" fmla="*/ 11906 w 88011"/>
                <a:gd name="connsiteY14" fmla="*/ 11811 h 18326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88011" h="183260">
                  <a:moveTo>
                    <a:pt x="44005" y="183261"/>
                  </a:moveTo>
                  <a:cubicBezTo>
                    <a:pt x="19717" y="183261"/>
                    <a:pt x="0" y="163544"/>
                    <a:pt x="0" y="139256"/>
                  </a:cubicBezTo>
                  <a:lnTo>
                    <a:pt x="0" y="5905"/>
                  </a:lnTo>
                  <a:cubicBezTo>
                    <a:pt x="0" y="2572"/>
                    <a:pt x="2667" y="0"/>
                    <a:pt x="5905" y="0"/>
                  </a:cubicBezTo>
                  <a:lnTo>
                    <a:pt x="44005" y="0"/>
                  </a:lnTo>
                  <a:cubicBezTo>
                    <a:pt x="68294" y="0"/>
                    <a:pt x="88011" y="19717"/>
                    <a:pt x="88011" y="44005"/>
                  </a:cubicBezTo>
                  <a:lnTo>
                    <a:pt x="88011" y="139256"/>
                  </a:lnTo>
                  <a:cubicBezTo>
                    <a:pt x="88011" y="163544"/>
                    <a:pt x="68199" y="183261"/>
                    <a:pt x="44005" y="183261"/>
                  </a:cubicBezTo>
                  <a:close/>
                  <a:moveTo>
                    <a:pt x="11906" y="11811"/>
                  </a:moveTo>
                  <a:lnTo>
                    <a:pt x="11906" y="139256"/>
                  </a:lnTo>
                  <a:cubicBezTo>
                    <a:pt x="11906" y="156972"/>
                    <a:pt x="26289" y="171450"/>
                    <a:pt x="44101" y="171450"/>
                  </a:cubicBezTo>
                  <a:cubicBezTo>
                    <a:pt x="61913" y="171450"/>
                    <a:pt x="76295" y="157067"/>
                    <a:pt x="76295" y="139256"/>
                  </a:cubicBezTo>
                  <a:lnTo>
                    <a:pt x="76295" y="44005"/>
                  </a:lnTo>
                  <a:cubicBezTo>
                    <a:pt x="76295" y="26289"/>
                    <a:pt x="61913" y="11811"/>
                    <a:pt x="44101" y="11811"/>
                  </a:cubicBezTo>
                  <a:lnTo>
                    <a:pt x="11906" y="11811"/>
                  </a:ln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36" name="Freeform: Shape 35">
              <a:extLst>
                <a:ext uri="{FF2B5EF4-FFF2-40B4-BE49-F238E27FC236}">
                  <a16:creationId xmlns:a16="http://schemas.microsoft.com/office/drawing/2014/main" id="{1E5E4B18-4E6B-4305-81C1-85AC61AF0F9A}"/>
                </a:ext>
              </a:extLst>
            </p:cNvPr>
            <p:cNvSpPr/>
            <p:nvPr/>
          </p:nvSpPr>
          <p:spPr>
            <a:xfrm>
              <a:off x="11306642" y="3362141"/>
              <a:ext cx="259460" cy="316611"/>
            </a:xfrm>
            <a:custGeom>
              <a:avLst/>
              <a:gdLst>
                <a:gd name="connsiteX0" fmla="*/ 259461 w 259460"/>
                <a:gd name="connsiteY0" fmla="*/ 5906 h 316611"/>
                <a:gd name="connsiteX1" fmla="*/ 259461 w 259460"/>
                <a:gd name="connsiteY1" fmla="*/ 282131 h 316611"/>
                <a:gd name="connsiteX2" fmla="*/ 253556 w 259460"/>
                <a:gd name="connsiteY2" fmla="*/ 288036 h 316611"/>
                <a:gd name="connsiteX3" fmla="*/ 247650 w 259460"/>
                <a:gd name="connsiteY3" fmla="*/ 282131 h 316611"/>
                <a:gd name="connsiteX4" fmla="*/ 247650 w 259460"/>
                <a:gd name="connsiteY4" fmla="*/ 11811 h 316611"/>
                <a:gd name="connsiteX5" fmla="*/ 34480 w 259460"/>
                <a:gd name="connsiteY5" fmla="*/ 11811 h 316611"/>
                <a:gd name="connsiteX6" fmla="*/ 11811 w 259460"/>
                <a:gd name="connsiteY6" fmla="*/ 34481 h 316611"/>
                <a:gd name="connsiteX7" fmla="*/ 11811 w 259460"/>
                <a:gd name="connsiteY7" fmla="*/ 310706 h 316611"/>
                <a:gd name="connsiteX8" fmla="*/ 5905 w 259460"/>
                <a:gd name="connsiteY8" fmla="*/ 316611 h 316611"/>
                <a:gd name="connsiteX9" fmla="*/ 0 w 259460"/>
                <a:gd name="connsiteY9" fmla="*/ 310706 h 316611"/>
                <a:gd name="connsiteX10" fmla="*/ 0 w 259460"/>
                <a:gd name="connsiteY10" fmla="*/ 34481 h 316611"/>
                <a:gd name="connsiteX11" fmla="*/ 34480 w 259460"/>
                <a:gd name="connsiteY11" fmla="*/ 0 h 316611"/>
                <a:gd name="connsiteX12" fmla="*/ 253556 w 259460"/>
                <a:gd name="connsiteY12" fmla="*/ 0 h 316611"/>
                <a:gd name="connsiteX13" fmla="*/ 259461 w 259460"/>
                <a:gd name="connsiteY13" fmla="*/ 5906 h 31661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59460" h="316611">
                  <a:moveTo>
                    <a:pt x="259461" y="5906"/>
                  </a:moveTo>
                  <a:lnTo>
                    <a:pt x="259461" y="282131"/>
                  </a:lnTo>
                  <a:cubicBezTo>
                    <a:pt x="259461" y="285464"/>
                    <a:pt x="256794" y="288036"/>
                    <a:pt x="253556" y="288036"/>
                  </a:cubicBezTo>
                  <a:cubicBezTo>
                    <a:pt x="250317" y="288036"/>
                    <a:pt x="247650" y="285464"/>
                    <a:pt x="247650" y="282131"/>
                  </a:cubicBezTo>
                  <a:lnTo>
                    <a:pt x="247650" y="11811"/>
                  </a:lnTo>
                  <a:lnTo>
                    <a:pt x="34480" y="11811"/>
                  </a:lnTo>
                  <a:cubicBezTo>
                    <a:pt x="22003" y="11811"/>
                    <a:pt x="11811" y="22003"/>
                    <a:pt x="11811" y="34481"/>
                  </a:cubicBezTo>
                  <a:lnTo>
                    <a:pt x="11811" y="310706"/>
                  </a:lnTo>
                  <a:cubicBezTo>
                    <a:pt x="11811" y="314039"/>
                    <a:pt x="9144" y="316611"/>
                    <a:pt x="5905" y="316611"/>
                  </a:cubicBezTo>
                  <a:cubicBezTo>
                    <a:pt x="2667" y="316611"/>
                    <a:pt x="0" y="314039"/>
                    <a:pt x="0" y="310706"/>
                  </a:cubicBezTo>
                  <a:lnTo>
                    <a:pt x="0" y="34481"/>
                  </a:lnTo>
                  <a:cubicBezTo>
                    <a:pt x="0" y="15431"/>
                    <a:pt x="15430" y="0"/>
                    <a:pt x="34480" y="0"/>
                  </a:cubicBezTo>
                  <a:lnTo>
                    <a:pt x="253556" y="0"/>
                  </a:lnTo>
                  <a:cubicBezTo>
                    <a:pt x="256794" y="0"/>
                    <a:pt x="259461" y="2572"/>
                    <a:pt x="259461" y="5906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37" name="Freeform: Shape 36">
              <a:extLst>
                <a:ext uri="{FF2B5EF4-FFF2-40B4-BE49-F238E27FC236}">
                  <a16:creationId xmlns:a16="http://schemas.microsoft.com/office/drawing/2014/main" id="{E1E0BE64-039A-419D-A543-3E1A32189977}"/>
                </a:ext>
              </a:extLst>
            </p:cNvPr>
            <p:cNvSpPr/>
            <p:nvPr/>
          </p:nvSpPr>
          <p:spPr>
            <a:xfrm>
              <a:off x="11306547" y="3638461"/>
              <a:ext cx="259461" cy="68961"/>
            </a:xfrm>
            <a:custGeom>
              <a:avLst/>
              <a:gdLst>
                <a:gd name="connsiteX0" fmla="*/ 253555 w 259461"/>
                <a:gd name="connsiteY0" fmla="*/ 68961 h 68961"/>
                <a:gd name="connsiteX1" fmla="*/ 34481 w 259461"/>
                <a:gd name="connsiteY1" fmla="*/ 68961 h 68961"/>
                <a:gd name="connsiteX2" fmla="*/ 0 w 259461"/>
                <a:gd name="connsiteY2" fmla="*/ 34481 h 68961"/>
                <a:gd name="connsiteX3" fmla="*/ 34481 w 259461"/>
                <a:gd name="connsiteY3" fmla="*/ 0 h 68961"/>
                <a:gd name="connsiteX4" fmla="*/ 253555 w 259461"/>
                <a:gd name="connsiteY4" fmla="*/ 0 h 68961"/>
                <a:gd name="connsiteX5" fmla="*/ 259461 w 259461"/>
                <a:gd name="connsiteY5" fmla="*/ 5906 h 68961"/>
                <a:gd name="connsiteX6" fmla="*/ 253555 w 259461"/>
                <a:gd name="connsiteY6" fmla="*/ 11811 h 68961"/>
                <a:gd name="connsiteX7" fmla="*/ 34481 w 259461"/>
                <a:gd name="connsiteY7" fmla="*/ 11811 h 68961"/>
                <a:gd name="connsiteX8" fmla="*/ 11811 w 259461"/>
                <a:gd name="connsiteY8" fmla="*/ 34481 h 68961"/>
                <a:gd name="connsiteX9" fmla="*/ 34481 w 259461"/>
                <a:gd name="connsiteY9" fmla="*/ 57150 h 68961"/>
                <a:gd name="connsiteX10" fmla="*/ 253555 w 259461"/>
                <a:gd name="connsiteY10" fmla="*/ 57150 h 68961"/>
                <a:gd name="connsiteX11" fmla="*/ 259461 w 259461"/>
                <a:gd name="connsiteY11" fmla="*/ 63056 h 68961"/>
                <a:gd name="connsiteX12" fmla="*/ 253555 w 259461"/>
                <a:gd name="connsiteY12" fmla="*/ 68961 h 6896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</a:cxnLst>
              <a:rect l="l" t="t" r="r" b="b"/>
              <a:pathLst>
                <a:path w="259461" h="68961">
                  <a:moveTo>
                    <a:pt x="253555" y="68961"/>
                  </a:moveTo>
                  <a:lnTo>
                    <a:pt x="34481" y="68961"/>
                  </a:lnTo>
                  <a:cubicBezTo>
                    <a:pt x="15430" y="68961"/>
                    <a:pt x="0" y="53435"/>
                    <a:pt x="0" y="34481"/>
                  </a:cubicBezTo>
                  <a:cubicBezTo>
                    <a:pt x="0" y="15526"/>
                    <a:pt x="15526" y="0"/>
                    <a:pt x="34481" y="0"/>
                  </a:cubicBezTo>
                  <a:lnTo>
                    <a:pt x="253555" y="0"/>
                  </a:lnTo>
                  <a:cubicBezTo>
                    <a:pt x="256794" y="0"/>
                    <a:pt x="259461" y="2667"/>
                    <a:pt x="259461" y="5906"/>
                  </a:cubicBezTo>
                  <a:cubicBezTo>
                    <a:pt x="259461" y="9144"/>
                    <a:pt x="256794" y="11811"/>
                    <a:pt x="253555" y="11811"/>
                  </a:cubicBezTo>
                  <a:lnTo>
                    <a:pt x="34481" y="11811"/>
                  </a:lnTo>
                  <a:cubicBezTo>
                    <a:pt x="22003" y="11811"/>
                    <a:pt x="11811" y="22003"/>
                    <a:pt x="11811" y="34481"/>
                  </a:cubicBezTo>
                  <a:cubicBezTo>
                    <a:pt x="11811" y="46958"/>
                    <a:pt x="22003" y="57150"/>
                    <a:pt x="34481" y="57150"/>
                  </a:cubicBezTo>
                  <a:lnTo>
                    <a:pt x="253555" y="57150"/>
                  </a:lnTo>
                  <a:cubicBezTo>
                    <a:pt x="256794" y="57150"/>
                    <a:pt x="259461" y="59817"/>
                    <a:pt x="259461" y="63056"/>
                  </a:cubicBezTo>
                  <a:cubicBezTo>
                    <a:pt x="259461" y="66294"/>
                    <a:pt x="256794" y="68961"/>
                    <a:pt x="253555" y="6896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38" name="Freeform: Shape 37">
              <a:extLst>
                <a:ext uri="{FF2B5EF4-FFF2-40B4-BE49-F238E27FC236}">
                  <a16:creationId xmlns:a16="http://schemas.microsoft.com/office/drawing/2014/main" id="{882CD789-D507-4F9A-B411-E0ABB373D4B0}"/>
                </a:ext>
              </a:extLst>
            </p:cNvPr>
            <p:cNvSpPr/>
            <p:nvPr/>
          </p:nvSpPr>
          <p:spPr>
            <a:xfrm>
              <a:off x="11534980" y="3638424"/>
              <a:ext cx="21579" cy="69092"/>
            </a:xfrm>
            <a:custGeom>
              <a:avLst/>
              <a:gdLst>
                <a:gd name="connsiteX0" fmla="*/ 15597 w 21579"/>
                <a:gd name="connsiteY0" fmla="*/ 68997 h 69092"/>
                <a:gd name="connsiteX1" fmla="*/ 10930 w 21579"/>
                <a:gd name="connsiteY1" fmla="*/ 66807 h 69092"/>
                <a:gd name="connsiteX2" fmla="*/ 10930 w 21579"/>
                <a:gd name="connsiteY2" fmla="*/ 2227 h 69092"/>
                <a:gd name="connsiteX3" fmla="*/ 19312 w 21579"/>
                <a:gd name="connsiteY3" fmla="*/ 1275 h 69092"/>
                <a:gd name="connsiteX4" fmla="*/ 20264 w 21579"/>
                <a:gd name="connsiteY4" fmla="*/ 9657 h 69092"/>
                <a:gd name="connsiteX5" fmla="*/ 20264 w 21579"/>
                <a:gd name="connsiteY5" fmla="*/ 59377 h 69092"/>
                <a:gd name="connsiteX6" fmla="*/ 19312 w 21579"/>
                <a:gd name="connsiteY6" fmla="*/ 67759 h 69092"/>
                <a:gd name="connsiteX7" fmla="*/ 15597 w 21579"/>
                <a:gd name="connsiteY7" fmla="*/ 69093 h 6909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579" h="69092">
                  <a:moveTo>
                    <a:pt x="15597" y="68997"/>
                  </a:moveTo>
                  <a:cubicBezTo>
                    <a:pt x="13883" y="68997"/>
                    <a:pt x="12168" y="68235"/>
                    <a:pt x="10930" y="66807"/>
                  </a:cubicBezTo>
                  <a:cubicBezTo>
                    <a:pt x="-3643" y="48709"/>
                    <a:pt x="-3643" y="20325"/>
                    <a:pt x="10930" y="2227"/>
                  </a:cubicBezTo>
                  <a:cubicBezTo>
                    <a:pt x="13025" y="-345"/>
                    <a:pt x="16740" y="-726"/>
                    <a:pt x="19312" y="1275"/>
                  </a:cubicBezTo>
                  <a:cubicBezTo>
                    <a:pt x="21884" y="3370"/>
                    <a:pt x="22265" y="7085"/>
                    <a:pt x="20264" y="9657"/>
                  </a:cubicBezTo>
                  <a:cubicBezTo>
                    <a:pt x="9215" y="23373"/>
                    <a:pt x="9215" y="45661"/>
                    <a:pt x="20264" y="59377"/>
                  </a:cubicBezTo>
                  <a:cubicBezTo>
                    <a:pt x="22360" y="61949"/>
                    <a:pt x="21884" y="65664"/>
                    <a:pt x="19312" y="67759"/>
                  </a:cubicBezTo>
                  <a:cubicBezTo>
                    <a:pt x="18169" y="68616"/>
                    <a:pt x="16931" y="69093"/>
                    <a:pt x="15597" y="69093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39" name="Freeform: Shape 38">
              <a:extLst>
                <a:ext uri="{FF2B5EF4-FFF2-40B4-BE49-F238E27FC236}">
                  <a16:creationId xmlns:a16="http://schemas.microsoft.com/office/drawing/2014/main" id="{F05E3608-617E-406A-8EB6-E25FC47F6379}"/>
                </a:ext>
              </a:extLst>
            </p:cNvPr>
            <p:cNvSpPr/>
            <p:nvPr/>
          </p:nvSpPr>
          <p:spPr>
            <a:xfrm>
              <a:off x="11373222" y="3524066"/>
              <a:ext cx="59340" cy="59436"/>
            </a:xfrm>
            <a:custGeom>
              <a:avLst/>
              <a:gdLst>
                <a:gd name="connsiteX0" fmla="*/ 47625 w 59340"/>
                <a:gd name="connsiteY0" fmla="*/ 6191 h 59436"/>
                <a:gd name="connsiteX1" fmla="*/ 29718 w 59340"/>
                <a:gd name="connsiteY1" fmla="*/ 0 h 59436"/>
                <a:gd name="connsiteX2" fmla="*/ 0 w 59340"/>
                <a:gd name="connsiteY2" fmla="*/ 29718 h 59436"/>
                <a:gd name="connsiteX3" fmla="*/ 29718 w 59340"/>
                <a:gd name="connsiteY3" fmla="*/ 59436 h 59436"/>
                <a:gd name="connsiteX4" fmla="*/ 59341 w 59340"/>
                <a:gd name="connsiteY4" fmla="*/ 30956 h 59436"/>
                <a:gd name="connsiteX5" fmla="*/ 59341 w 59340"/>
                <a:gd name="connsiteY5" fmla="*/ 29718 h 59436"/>
                <a:gd name="connsiteX6" fmla="*/ 47530 w 59340"/>
                <a:gd name="connsiteY6" fmla="*/ 6191 h 59436"/>
                <a:gd name="connsiteX7" fmla="*/ 29718 w 59340"/>
                <a:gd name="connsiteY7" fmla="*/ 47625 h 59436"/>
                <a:gd name="connsiteX8" fmla="*/ 11811 w 59340"/>
                <a:gd name="connsiteY8" fmla="*/ 29718 h 59436"/>
                <a:gd name="connsiteX9" fmla="*/ 29718 w 59340"/>
                <a:gd name="connsiteY9" fmla="*/ 11811 h 59436"/>
                <a:gd name="connsiteX10" fmla="*/ 47625 w 59340"/>
                <a:gd name="connsiteY10" fmla="*/ 29718 h 59436"/>
                <a:gd name="connsiteX11" fmla="*/ 29718 w 59340"/>
                <a:gd name="connsiteY11" fmla="*/ 47625 h 594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59340" h="59436">
                  <a:moveTo>
                    <a:pt x="47625" y="6191"/>
                  </a:moveTo>
                  <a:cubicBezTo>
                    <a:pt x="42672" y="2286"/>
                    <a:pt x="36481" y="0"/>
                    <a:pt x="29718" y="0"/>
                  </a:cubicBezTo>
                  <a:cubicBezTo>
                    <a:pt x="13335" y="0"/>
                    <a:pt x="0" y="13335"/>
                    <a:pt x="0" y="29718"/>
                  </a:cubicBezTo>
                  <a:cubicBezTo>
                    <a:pt x="0" y="46101"/>
                    <a:pt x="13335" y="59436"/>
                    <a:pt x="29718" y="59436"/>
                  </a:cubicBezTo>
                  <a:cubicBezTo>
                    <a:pt x="46101" y="59436"/>
                    <a:pt x="58769" y="46768"/>
                    <a:pt x="59341" y="30956"/>
                  </a:cubicBezTo>
                  <a:cubicBezTo>
                    <a:pt x="59341" y="30575"/>
                    <a:pt x="59341" y="30099"/>
                    <a:pt x="59341" y="29718"/>
                  </a:cubicBezTo>
                  <a:cubicBezTo>
                    <a:pt x="59341" y="20098"/>
                    <a:pt x="54769" y="11525"/>
                    <a:pt x="47530" y="6191"/>
                  </a:cubicBezTo>
                  <a:close/>
                  <a:moveTo>
                    <a:pt x="29718" y="47625"/>
                  </a:moveTo>
                  <a:cubicBezTo>
                    <a:pt x="19907" y="47625"/>
                    <a:pt x="11811" y="39529"/>
                    <a:pt x="11811" y="29718"/>
                  </a:cubicBezTo>
                  <a:cubicBezTo>
                    <a:pt x="11811" y="19907"/>
                    <a:pt x="19907" y="11811"/>
                    <a:pt x="29718" y="11811"/>
                  </a:cubicBezTo>
                  <a:cubicBezTo>
                    <a:pt x="39529" y="11811"/>
                    <a:pt x="47625" y="19907"/>
                    <a:pt x="47625" y="29718"/>
                  </a:cubicBezTo>
                  <a:cubicBezTo>
                    <a:pt x="47625" y="39529"/>
                    <a:pt x="39529" y="47625"/>
                    <a:pt x="29718" y="47625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40" name="Freeform: Shape 39">
              <a:extLst>
                <a:ext uri="{FF2B5EF4-FFF2-40B4-BE49-F238E27FC236}">
                  <a16:creationId xmlns:a16="http://schemas.microsoft.com/office/drawing/2014/main" id="{821CEACE-CFAB-41E5-A00B-CCC69B8E031C}"/>
                </a:ext>
              </a:extLst>
            </p:cNvPr>
            <p:cNvSpPr/>
            <p:nvPr/>
          </p:nvSpPr>
          <p:spPr>
            <a:xfrm>
              <a:off x="11421037" y="3438341"/>
              <a:ext cx="11715" cy="121348"/>
            </a:xfrm>
            <a:custGeom>
              <a:avLst/>
              <a:gdLst>
                <a:gd name="connsiteX0" fmla="*/ 11716 w 11715"/>
                <a:gd name="connsiteY0" fmla="*/ 5906 h 121348"/>
                <a:gd name="connsiteX1" fmla="*/ 11716 w 11715"/>
                <a:gd name="connsiteY1" fmla="*/ 115443 h 121348"/>
                <a:gd name="connsiteX2" fmla="*/ 11716 w 11715"/>
                <a:gd name="connsiteY2" fmla="*/ 116681 h 121348"/>
                <a:gd name="connsiteX3" fmla="*/ 5905 w 11715"/>
                <a:gd name="connsiteY3" fmla="*/ 121349 h 121348"/>
                <a:gd name="connsiteX4" fmla="*/ 0 w 11715"/>
                <a:gd name="connsiteY4" fmla="*/ 115443 h 121348"/>
                <a:gd name="connsiteX5" fmla="*/ 0 w 11715"/>
                <a:gd name="connsiteY5" fmla="*/ 5906 h 121348"/>
                <a:gd name="connsiteX6" fmla="*/ 191 w 11715"/>
                <a:gd name="connsiteY6" fmla="*/ 4477 h 121348"/>
                <a:gd name="connsiteX7" fmla="*/ 476 w 11715"/>
                <a:gd name="connsiteY7" fmla="*/ 3619 h 121348"/>
                <a:gd name="connsiteX8" fmla="*/ 1048 w 11715"/>
                <a:gd name="connsiteY8" fmla="*/ 2572 h 121348"/>
                <a:gd name="connsiteX9" fmla="*/ 1715 w 11715"/>
                <a:gd name="connsiteY9" fmla="*/ 1715 h 121348"/>
                <a:gd name="connsiteX10" fmla="*/ 2191 w 11715"/>
                <a:gd name="connsiteY10" fmla="*/ 1238 h 121348"/>
                <a:gd name="connsiteX11" fmla="*/ 2667 w 11715"/>
                <a:gd name="connsiteY11" fmla="*/ 953 h 121348"/>
                <a:gd name="connsiteX12" fmla="*/ 3619 w 11715"/>
                <a:gd name="connsiteY12" fmla="*/ 476 h 121348"/>
                <a:gd name="connsiteX13" fmla="*/ 4763 w 11715"/>
                <a:gd name="connsiteY13" fmla="*/ 95 h 121348"/>
                <a:gd name="connsiteX14" fmla="*/ 5905 w 11715"/>
                <a:gd name="connsiteY14" fmla="*/ 0 h 121348"/>
                <a:gd name="connsiteX15" fmla="*/ 8191 w 11715"/>
                <a:gd name="connsiteY15" fmla="*/ 476 h 121348"/>
                <a:gd name="connsiteX16" fmla="*/ 8191 w 11715"/>
                <a:gd name="connsiteY16" fmla="*/ 476 h 121348"/>
                <a:gd name="connsiteX17" fmla="*/ 9144 w 11715"/>
                <a:gd name="connsiteY17" fmla="*/ 953 h 121348"/>
                <a:gd name="connsiteX18" fmla="*/ 11716 w 11715"/>
                <a:gd name="connsiteY18" fmla="*/ 5906 h 12134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11715" h="121348">
                  <a:moveTo>
                    <a:pt x="11716" y="5906"/>
                  </a:moveTo>
                  <a:lnTo>
                    <a:pt x="11716" y="115443"/>
                  </a:lnTo>
                  <a:cubicBezTo>
                    <a:pt x="11716" y="115443"/>
                    <a:pt x="11716" y="116300"/>
                    <a:pt x="11716" y="116681"/>
                  </a:cubicBezTo>
                  <a:cubicBezTo>
                    <a:pt x="11144" y="119348"/>
                    <a:pt x="8763" y="121349"/>
                    <a:pt x="5905" y="121349"/>
                  </a:cubicBezTo>
                  <a:cubicBezTo>
                    <a:pt x="2667" y="121349"/>
                    <a:pt x="0" y="118777"/>
                    <a:pt x="0" y="115443"/>
                  </a:cubicBezTo>
                  <a:lnTo>
                    <a:pt x="0" y="5906"/>
                  </a:lnTo>
                  <a:cubicBezTo>
                    <a:pt x="0" y="5906"/>
                    <a:pt x="0" y="4953"/>
                    <a:pt x="191" y="4477"/>
                  </a:cubicBezTo>
                  <a:cubicBezTo>
                    <a:pt x="191" y="4191"/>
                    <a:pt x="381" y="3905"/>
                    <a:pt x="476" y="3619"/>
                  </a:cubicBezTo>
                  <a:cubicBezTo>
                    <a:pt x="571" y="3239"/>
                    <a:pt x="762" y="2857"/>
                    <a:pt x="1048" y="2572"/>
                  </a:cubicBezTo>
                  <a:cubicBezTo>
                    <a:pt x="1238" y="2286"/>
                    <a:pt x="1429" y="2000"/>
                    <a:pt x="1715" y="1715"/>
                  </a:cubicBezTo>
                  <a:lnTo>
                    <a:pt x="2191" y="1238"/>
                  </a:lnTo>
                  <a:cubicBezTo>
                    <a:pt x="2191" y="1238"/>
                    <a:pt x="2477" y="1048"/>
                    <a:pt x="2667" y="953"/>
                  </a:cubicBezTo>
                  <a:cubicBezTo>
                    <a:pt x="2953" y="762"/>
                    <a:pt x="3239" y="571"/>
                    <a:pt x="3619" y="476"/>
                  </a:cubicBezTo>
                  <a:cubicBezTo>
                    <a:pt x="4001" y="286"/>
                    <a:pt x="4381" y="191"/>
                    <a:pt x="4763" y="95"/>
                  </a:cubicBezTo>
                  <a:cubicBezTo>
                    <a:pt x="5143" y="0"/>
                    <a:pt x="5524" y="0"/>
                    <a:pt x="5905" y="0"/>
                  </a:cubicBezTo>
                  <a:cubicBezTo>
                    <a:pt x="6667" y="0"/>
                    <a:pt x="7429" y="95"/>
                    <a:pt x="8191" y="476"/>
                  </a:cubicBezTo>
                  <a:lnTo>
                    <a:pt x="8191" y="476"/>
                  </a:lnTo>
                  <a:lnTo>
                    <a:pt x="9144" y="953"/>
                  </a:lnTo>
                  <a:cubicBezTo>
                    <a:pt x="10668" y="2000"/>
                    <a:pt x="11716" y="3810"/>
                    <a:pt x="11716" y="5906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41" name="Freeform: Shape 40">
              <a:extLst>
                <a:ext uri="{FF2B5EF4-FFF2-40B4-BE49-F238E27FC236}">
                  <a16:creationId xmlns:a16="http://schemas.microsoft.com/office/drawing/2014/main" id="{B1F975B4-B71C-4482-A4EC-4A65FD55703E}"/>
                </a:ext>
              </a:extLst>
            </p:cNvPr>
            <p:cNvSpPr/>
            <p:nvPr/>
          </p:nvSpPr>
          <p:spPr>
            <a:xfrm>
              <a:off x="11421037" y="3438436"/>
              <a:ext cx="78485" cy="88010"/>
            </a:xfrm>
            <a:custGeom>
              <a:avLst/>
              <a:gdLst>
                <a:gd name="connsiteX0" fmla="*/ 74867 w 78485"/>
                <a:gd name="connsiteY0" fmla="*/ 29051 h 88010"/>
                <a:gd name="connsiteX1" fmla="*/ 9144 w 78485"/>
                <a:gd name="connsiteY1" fmla="*/ 953 h 88010"/>
                <a:gd name="connsiteX2" fmla="*/ 8191 w 78485"/>
                <a:gd name="connsiteY2" fmla="*/ 476 h 88010"/>
                <a:gd name="connsiteX3" fmla="*/ 8191 w 78485"/>
                <a:gd name="connsiteY3" fmla="*/ 476 h 88010"/>
                <a:gd name="connsiteX4" fmla="*/ 5905 w 78485"/>
                <a:gd name="connsiteY4" fmla="*/ 0 h 88010"/>
                <a:gd name="connsiteX5" fmla="*/ 4763 w 78485"/>
                <a:gd name="connsiteY5" fmla="*/ 95 h 88010"/>
                <a:gd name="connsiteX6" fmla="*/ 3619 w 78485"/>
                <a:gd name="connsiteY6" fmla="*/ 476 h 88010"/>
                <a:gd name="connsiteX7" fmla="*/ 2667 w 78485"/>
                <a:gd name="connsiteY7" fmla="*/ 953 h 88010"/>
                <a:gd name="connsiteX8" fmla="*/ 2191 w 78485"/>
                <a:gd name="connsiteY8" fmla="*/ 1238 h 88010"/>
                <a:gd name="connsiteX9" fmla="*/ 1715 w 78485"/>
                <a:gd name="connsiteY9" fmla="*/ 1715 h 88010"/>
                <a:gd name="connsiteX10" fmla="*/ 1048 w 78485"/>
                <a:gd name="connsiteY10" fmla="*/ 2572 h 88010"/>
                <a:gd name="connsiteX11" fmla="*/ 476 w 78485"/>
                <a:gd name="connsiteY11" fmla="*/ 3619 h 88010"/>
                <a:gd name="connsiteX12" fmla="*/ 191 w 78485"/>
                <a:gd name="connsiteY12" fmla="*/ 4477 h 88010"/>
                <a:gd name="connsiteX13" fmla="*/ 0 w 78485"/>
                <a:gd name="connsiteY13" fmla="*/ 5905 h 88010"/>
                <a:gd name="connsiteX14" fmla="*/ 0 w 78485"/>
                <a:gd name="connsiteY14" fmla="*/ 53530 h 88010"/>
                <a:gd name="connsiteX15" fmla="*/ 3524 w 78485"/>
                <a:gd name="connsiteY15" fmla="*/ 58960 h 88010"/>
                <a:gd name="connsiteX16" fmla="*/ 11811 w 78485"/>
                <a:gd name="connsiteY16" fmla="*/ 62484 h 88010"/>
                <a:gd name="connsiteX17" fmla="*/ 70199 w 78485"/>
                <a:gd name="connsiteY17" fmla="*/ 87535 h 88010"/>
                <a:gd name="connsiteX18" fmla="*/ 72580 w 78485"/>
                <a:gd name="connsiteY18" fmla="*/ 88011 h 88010"/>
                <a:gd name="connsiteX19" fmla="*/ 75819 w 78485"/>
                <a:gd name="connsiteY19" fmla="*/ 87059 h 88010"/>
                <a:gd name="connsiteX20" fmla="*/ 78486 w 78485"/>
                <a:gd name="connsiteY20" fmla="*/ 82106 h 88010"/>
                <a:gd name="connsiteX21" fmla="*/ 78486 w 78485"/>
                <a:gd name="connsiteY21" fmla="*/ 34480 h 88010"/>
                <a:gd name="connsiteX22" fmla="*/ 74962 w 78485"/>
                <a:gd name="connsiteY22" fmla="*/ 29051 h 88010"/>
                <a:gd name="connsiteX23" fmla="*/ 66484 w 78485"/>
                <a:gd name="connsiteY23" fmla="*/ 72961 h 88010"/>
                <a:gd name="connsiteX24" fmla="*/ 11620 w 78485"/>
                <a:gd name="connsiteY24" fmla="*/ 49530 h 88010"/>
                <a:gd name="connsiteX25" fmla="*/ 11620 w 78485"/>
                <a:gd name="connsiteY25" fmla="*/ 14859 h 88010"/>
                <a:gd name="connsiteX26" fmla="*/ 66484 w 78485"/>
                <a:gd name="connsiteY26" fmla="*/ 38291 h 88010"/>
                <a:gd name="connsiteX27" fmla="*/ 66484 w 78485"/>
                <a:gd name="connsiteY27" fmla="*/ 72961 h 880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</a:cxnLst>
              <a:rect l="l" t="t" r="r" b="b"/>
              <a:pathLst>
                <a:path w="78485" h="88010">
                  <a:moveTo>
                    <a:pt x="74867" y="29051"/>
                  </a:moveTo>
                  <a:lnTo>
                    <a:pt x="9144" y="953"/>
                  </a:lnTo>
                  <a:lnTo>
                    <a:pt x="8191" y="476"/>
                  </a:lnTo>
                  <a:lnTo>
                    <a:pt x="8191" y="476"/>
                  </a:lnTo>
                  <a:cubicBezTo>
                    <a:pt x="7429" y="95"/>
                    <a:pt x="6667" y="0"/>
                    <a:pt x="5905" y="0"/>
                  </a:cubicBezTo>
                  <a:cubicBezTo>
                    <a:pt x="5524" y="0"/>
                    <a:pt x="5143" y="0"/>
                    <a:pt x="4763" y="95"/>
                  </a:cubicBezTo>
                  <a:cubicBezTo>
                    <a:pt x="4381" y="95"/>
                    <a:pt x="4001" y="286"/>
                    <a:pt x="3619" y="476"/>
                  </a:cubicBezTo>
                  <a:cubicBezTo>
                    <a:pt x="3239" y="476"/>
                    <a:pt x="2953" y="762"/>
                    <a:pt x="2667" y="953"/>
                  </a:cubicBezTo>
                  <a:cubicBezTo>
                    <a:pt x="2477" y="1048"/>
                    <a:pt x="2381" y="1143"/>
                    <a:pt x="2191" y="1238"/>
                  </a:cubicBezTo>
                  <a:lnTo>
                    <a:pt x="1715" y="1715"/>
                  </a:lnTo>
                  <a:cubicBezTo>
                    <a:pt x="1715" y="1715"/>
                    <a:pt x="1238" y="2286"/>
                    <a:pt x="1048" y="2572"/>
                  </a:cubicBezTo>
                  <a:cubicBezTo>
                    <a:pt x="762" y="2857"/>
                    <a:pt x="571" y="3239"/>
                    <a:pt x="476" y="3619"/>
                  </a:cubicBezTo>
                  <a:cubicBezTo>
                    <a:pt x="476" y="3905"/>
                    <a:pt x="286" y="4191"/>
                    <a:pt x="191" y="4477"/>
                  </a:cubicBezTo>
                  <a:cubicBezTo>
                    <a:pt x="95" y="4953"/>
                    <a:pt x="0" y="5429"/>
                    <a:pt x="0" y="5905"/>
                  </a:cubicBezTo>
                  <a:lnTo>
                    <a:pt x="0" y="53530"/>
                  </a:lnTo>
                  <a:cubicBezTo>
                    <a:pt x="0" y="55912"/>
                    <a:pt x="1333" y="58103"/>
                    <a:pt x="3524" y="58960"/>
                  </a:cubicBezTo>
                  <a:lnTo>
                    <a:pt x="11811" y="62484"/>
                  </a:lnTo>
                  <a:lnTo>
                    <a:pt x="70199" y="87535"/>
                  </a:lnTo>
                  <a:cubicBezTo>
                    <a:pt x="70961" y="87916"/>
                    <a:pt x="71819" y="88011"/>
                    <a:pt x="72580" y="88011"/>
                  </a:cubicBezTo>
                  <a:cubicBezTo>
                    <a:pt x="73723" y="88011"/>
                    <a:pt x="74867" y="87725"/>
                    <a:pt x="75819" y="87059"/>
                  </a:cubicBezTo>
                  <a:cubicBezTo>
                    <a:pt x="77533" y="86011"/>
                    <a:pt x="78486" y="84106"/>
                    <a:pt x="78486" y="82106"/>
                  </a:cubicBezTo>
                  <a:lnTo>
                    <a:pt x="78486" y="34480"/>
                  </a:lnTo>
                  <a:cubicBezTo>
                    <a:pt x="78486" y="32099"/>
                    <a:pt x="77152" y="29908"/>
                    <a:pt x="74962" y="29051"/>
                  </a:cubicBezTo>
                  <a:close/>
                  <a:moveTo>
                    <a:pt x="66484" y="72961"/>
                  </a:moveTo>
                  <a:lnTo>
                    <a:pt x="11620" y="49530"/>
                  </a:lnTo>
                  <a:lnTo>
                    <a:pt x="11620" y="14859"/>
                  </a:lnTo>
                  <a:lnTo>
                    <a:pt x="66484" y="38291"/>
                  </a:lnTo>
                  <a:lnTo>
                    <a:pt x="66484" y="72961"/>
                  </a:ln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</p:grpSp>
      <p:grpSp>
        <p:nvGrpSpPr>
          <p:cNvPr id="61" name="Group 60">
            <a:extLst>
              <a:ext uri="{FF2B5EF4-FFF2-40B4-BE49-F238E27FC236}">
                <a16:creationId xmlns:a16="http://schemas.microsoft.com/office/drawing/2014/main" id="{19D571E3-1669-46BF-A3E6-D9EEBAEFEC4C}"/>
              </a:ext>
            </a:extLst>
          </p:cNvPr>
          <p:cNvGrpSpPr/>
          <p:nvPr/>
        </p:nvGrpSpPr>
        <p:grpSpPr>
          <a:xfrm>
            <a:off x="11110171" y="4474474"/>
            <a:ext cx="580919" cy="580919"/>
            <a:chOff x="11199965" y="4548187"/>
            <a:chExt cx="507206" cy="507206"/>
          </a:xfrm>
        </p:grpSpPr>
        <p:sp>
          <p:nvSpPr>
            <p:cNvPr id="46" name="Freeform: Shape 45">
              <a:extLst>
                <a:ext uri="{FF2B5EF4-FFF2-40B4-BE49-F238E27FC236}">
                  <a16:creationId xmlns:a16="http://schemas.microsoft.com/office/drawing/2014/main" id="{1AA49BA8-13AD-4753-BF52-72F1BC8A0B44}"/>
                </a:ext>
              </a:extLst>
            </p:cNvPr>
            <p:cNvSpPr/>
            <p:nvPr/>
          </p:nvSpPr>
          <p:spPr>
            <a:xfrm>
              <a:off x="11199965" y="4554092"/>
              <a:ext cx="507206" cy="377285"/>
            </a:xfrm>
            <a:custGeom>
              <a:avLst/>
              <a:gdLst>
                <a:gd name="connsiteX0" fmla="*/ 507206 w 507206"/>
                <a:gd name="connsiteY0" fmla="*/ 19050 h 377285"/>
                <a:gd name="connsiteX1" fmla="*/ 507206 w 507206"/>
                <a:gd name="connsiteY1" fmla="*/ 377285 h 377285"/>
                <a:gd name="connsiteX2" fmla="*/ 0 w 507206"/>
                <a:gd name="connsiteY2" fmla="*/ 377285 h 377285"/>
                <a:gd name="connsiteX3" fmla="*/ 0 w 507206"/>
                <a:gd name="connsiteY3" fmla="*/ 224981 h 377285"/>
                <a:gd name="connsiteX4" fmla="*/ 289941 w 507206"/>
                <a:gd name="connsiteY4" fmla="*/ 224981 h 377285"/>
                <a:gd name="connsiteX5" fmla="*/ 289941 w 507206"/>
                <a:gd name="connsiteY5" fmla="*/ 0 h 377285"/>
                <a:gd name="connsiteX6" fmla="*/ 498253 w 507206"/>
                <a:gd name="connsiteY6" fmla="*/ 0 h 377285"/>
                <a:gd name="connsiteX7" fmla="*/ 507111 w 507206"/>
                <a:gd name="connsiteY7" fmla="*/ 19050 h 37728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507206" h="377285">
                  <a:moveTo>
                    <a:pt x="507206" y="19050"/>
                  </a:moveTo>
                  <a:lnTo>
                    <a:pt x="507206" y="377285"/>
                  </a:lnTo>
                  <a:lnTo>
                    <a:pt x="0" y="377285"/>
                  </a:lnTo>
                  <a:lnTo>
                    <a:pt x="0" y="224981"/>
                  </a:lnTo>
                  <a:lnTo>
                    <a:pt x="289941" y="224981"/>
                  </a:lnTo>
                  <a:lnTo>
                    <a:pt x="289941" y="0"/>
                  </a:lnTo>
                  <a:lnTo>
                    <a:pt x="498253" y="0"/>
                  </a:lnTo>
                  <a:cubicBezTo>
                    <a:pt x="503682" y="4572"/>
                    <a:pt x="507111" y="11335"/>
                    <a:pt x="507111" y="19050"/>
                  </a:cubicBezTo>
                  <a:close/>
                </a:path>
              </a:pathLst>
            </a:custGeom>
            <a:solidFill>
              <a:srgbClr val="F64A46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47" name="Freeform: Shape 46">
              <a:extLst>
                <a:ext uri="{FF2B5EF4-FFF2-40B4-BE49-F238E27FC236}">
                  <a16:creationId xmlns:a16="http://schemas.microsoft.com/office/drawing/2014/main" id="{C7BD70B2-DD94-4C67-BD06-670BD1AB9DA3}"/>
                </a:ext>
              </a:extLst>
            </p:cNvPr>
            <p:cNvSpPr/>
            <p:nvPr/>
          </p:nvSpPr>
          <p:spPr>
            <a:xfrm>
              <a:off x="11344840" y="4986337"/>
              <a:ext cx="217550" cy="68961"/>
            </a:xfrm>
            <a:custGeom>
              <a:avLst/>
              <a:gdLst>
                <a:gd name="connsiteX0" fmla="*/ 211550 w 217550"/>
                <a:gd name="connsiteY0" fmla="*/ 0 h 68961"/>
                <a:gd name="connsiteX1" fmla="*/ 5905 w 217550"/>
                <a:gd name="connsiteY1" fmla="*/ 0 h 68961"/>
                <a:gd name="connsiteX2" fmla="*/ 0 w 217550"/>
                <a:gd name="connsiteY2" fmla="*/ 5905 h 68961"/>
                <a:gd name="connsiteX3" fmla="*/ 0 w 217550"/>
                <a:gd name="connsiteY3" fmla="*/ 63055 h 68961"/>
                <a:gd name="connsiteX4" fmla="*/ 5905 w 217550"/>
                <a:gd name="connsiteY4" fmla="*/ 68961 h 68961"/>
                <a:gd name="connsiteX5" fmla="*/ 211646 w 217550"/>
                <a:gd name="connsiteY5" fmla="*/ 68961 h 68961"/>
                <a:gd name="connsiteX6" fmla="*/ 217551 w 217550"/>
                <a:gd name="connsiteY6" fmla="*/ 63055 h 68961"/>
                <a:gd name="connsiteX7" fmla="*/ 217551 w 217550"/>
                <a:gd name="connsiteY7" fmla="*/ 5905 h 68961"/>
                <a:gd name="connsiteX8" fmla="*/ 211646 w 217550"/>
                <a:gd name="connsiteY8" fmla="*/ 0 h 68961"/>
                <a:gd name="connsiteX9" fmla="*/ 205550 w 217550"/>
                <a:gd name="connsiteY9" fmla="*/ 57150 h 68961"/>
                <a:gd name="connsiteX10" fmla="*/ 11811 w 217550"/>
                <a:gd name="connsiteY10" fmla="*/ 57150 h 68961"/>
                <a:gd name="connsiteX11" fmla="*/ 11811 w 217550"/>
                <a:gd name="connsiteY11" fmla="*/ 11811 h 68961"/>
                <a:gd name="connsiteX12" fmla="*/ 205550 w 217550"/>
                <a:gd name="connsiteY12" fmla="*/ 11811 h 68961"/>
                <a:gd name="connsiteX13" fmla="*/ 205550 w 217550"/>
                <a:gd name="connsiteY13" fmla="*/ 57150 h 6896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17550" h="68961">
                  <a:moveTo>
                    <a:pt x="211550" y="0"/>
                  </a:moveTo>
                  <a:lnTo>
                    <a:pt x="5905" y="0"/>
                  </a:lnTo>
                  <a:cubicBezTo>
                    <a:pt x="2667" y="0"/>
                    <a:pt x="0" y="2667"/>
                    <a:pt x="0" y="5905"/>
                  </a:cubicBezTo>
                  <a:lnTo>
                    <a:pt x="0" y="63055"/>
                  </a:lnTo>
                  <a:cubicBezTo>
                    <a:pt x="0" y="66294"/>
                    <a:pt x="2667" y="68961"/>
                    <a:pt x="5905" y="68961"/>
                  </a:cubicBezTo>
                  <a:lnTo>
                    <a:pt x="211646" y="68961"/>
                  </a:lnTo>
                  <a:cubicBezTo>
                    <a:pt x="214884" y="68961"/>
                    <a:pt x="217551" y="66294"/>
                    <a:pt x="217551" y="63055"/>
                  </a:cubicBezTo>
                  <a:lnTo>
                    <a:pt x="217551" y="5905"/>
                  </a:lnTo>
                  <a:cubicBezTo>
                    <a:pt x="217551" y="2667"/>
                    <a:pt x="214884" y="0"/>
                    <a:pt x="211646" y="0"/>
                  </a:cubicBezTo>
                  <a:close/>
                  <a:moveTo>
                    <a:pt x="205550" y="57150"/>
                  </a:moveTo>
                  <a:lnTo>
                    <a:pt x="11811" y="57150"/>
                  </a:lnTo>
                  <a:lnTo>
                    <a:pt x="11811" y="11811"/>
                  </a:lnTo>
                  <a:lnTo>
                    <a:pt x="205550" y="11811"/>
                  </a:lnTo>
                  <a:lnTo>
                    <a:pt x="205550" y="57150"/>
                  </a:ln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48" name="Freeform: Shape 47">
              <a:extLst>
                <a:ext uri="{FF2B5EF4-FFF2-40B4-BE49-F238E27FC236}">
                  <a16:creationId xmlns:a16="http://schemas.microsoft.com/office/drawing/2014/main" id="{C657BFB4-CB86-45F9-9DC3-EFBDC28AE27F}"/>
                </a:ext>
              </a:extLst>
            </p:cNvPr>
            <p:cNvSpPr/>
            <p:nvPr/>
          </p:nvSpPr>
          <p:spPr>
            <a:xfrm>
              <a:off x="11199965" y="4929282"/>
              <a:ext cx="507111" cy="68961"/>
            </a:xfrm>
            <a:custGeom>
              <a:avLst/>
              <a:gdLst>
                <a:gd name="connsiteX0" fmla="*/ 505778 w 507111"/>
                <a:gd name="connsiteY0" fmla="*/ 2191 h 68961"/>
                <a:gd name="connsiteX1" fmla="*/ 501206 w 507111"/>
                <a:gd name="connsiteY1" fmla="*/ 0 h 68961"/>
                <a:gd name="connsiteX2" fmla="*/ 5906 w 507111"/>
                <a:gd name="connsiteY2" fmla="*/ 0 h 68961"/>
                <a:gd name="connsiteX3" fmla="*/ 1334 w 507111"/>
                <a:gd name="connsiteY3" fmla="*/ 2191 h 68961"/>
                <a:gd name="connsiteX4" fmla="*/ 0 w 507111"/>
                <a:gd name="connsiteY4" fmla="*/ 5906 h 68961"/>
                <a:gd name="connsiteX5" fmla="*/ 0 w 507111"/>
                <a:gd name="connsiteY5" fmla="*/ 44006 h 68961"/>
                <a:gd name="connsiteX6" fmla="*/ 24955 w 507111"/>
                <a:gd name="connsiteY6" fmla="*/ 68961 h 68961"/>
                <a:gd name="connsiteX7" fmla="*/ 482156 w 507111"/>
                <a:gd name="connsiteY7" fmla="*/ 68961 h 68961"/>
                <a:gd name="connsiteX8" fmla="*/ 507111 w 507111"/>
                <a:gd name="connsiteY8" fmla="*/ 44006 h 68961"/>
                <a:gd name="connsiteX9" fmla="*/ 507111 w 507111"/>
                <a:gd name="connsiteY9" fmla="*/ 5906 h 68961"/>
                <a:gd name="connsiteX10" fmla="*/ 505778 w 507111"/>
                <a:gd name="connsiteY10" fmla="*/ 2191 h 68961"/>
                <a:gd name="connsiteX11" fmla="*/ 495300 w 507111"/>
                <a:gd name="connsiteY11" fmla="*/ 43910 h 68961"/>
                <a:gd name="connsiteX12" fmla="*/ 482156 w 507111"/>
                <a:gd name="connsiteY12" fmla="*/ 57055 h 68961"/>
                <a:gd name="connsiteX13" fmla="*/ 24955 w 507111"/>
                <a:gd name="connsiteY13" fmla="*/ 57055 h 68961"/>
                <a:gd name="connsiteX14" fmla="*/ 11811 w 507111"/>
                <a:gd name="connsiteY14" fmla="*/ 43910 h 68961"/>
                <a:gd name="connsiteX15" fmla="*/ 11811 w 507111"/>
                <a:gd name="connsiteY15" fmla="*/ 11716 h 68961"/>
                <a:gd name="connsiteX16" fmla="*/ 495300 w 507111"/>
                <a:gd name="connsiteY16" fmla="*/ 11716 h 68961"/>
                <a:gd name="connsiteX17" fmla="*/ 495300 w 507111"/>
                <a:gd name="connsiteY17" fmla="*/ 43910 h 6896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</a:cxnLst>
              <a:rect l="l" t="t" r="r" b="b"/>
              <a:pathLst>
                <a:path w="507111" h="68961">
                  <a:moveTo>
                    <a:pt x="505778" y="2191"/>
                  </a:moveTo>
                  <a:cubicBezTo>
                    <a:pt x="504730" y="857"/>
                    <a:pt x="503111" y="0"/>
                    <a:pt x="501206" y="0"/>
                  </a:cubicBezTo>
                  <a:lnTo>
                    <a:pt x="5906" y="0"/>
                  </a:lnTo>
                  <a:cubicBezTo>
                    <a:pt x="4000" y="0"/>
                    <a:pt x="2381" y="857"/>
                    <a:pt x="1334" y="2191"/>
                  </a:cubicBezTo>
                  <a:cubicBezTo>
                    <a:pt x="476" y="3239"/>
                    <a:pt x="0" y="4477"/>
                    <a:pt x="0" y="5906"/>
                  </a:cubicBezTo>
                  <a:lnTo>
                    <a:pt x="0" y="44006"/>
                  </a:lnTo>
                  <a:cubicBezTo>
                    <a:pt x="0" y="57817"/>
                    <a:pt x="11144" y="68961"/>
                    <a:pt x="24955" y="68961"/>
                  </a:cubicBezTo>
                  <a:lnTo>
                    <a:pt x="482156" y="68961"/>
                  </a:lnTo>
                  <a:cubicBezTo>
                    <a:pt x="495967" y="68961"/>
                    <a:pt x="507111" y="57817"/>
                    <a:pt x="507111" y="44006"/>
                  </a:cubicBezTo>
                  <a:lnTo>
                    <a:pt x="507111" y="5906"/>
                  </a:lnTo>
                  <a:cubicBezTo>
                    <a:pt x="507111" y="4477"/>
                    <a:pt x="506635" y="3239"/>
                    <a:pt x="505778" y="2191"/>
                  </a:cubicBezTo>
                  <a:close/>
                  <a:moveTo>
                    <a:pt x="495300" y="43910"/>
                  </a:moveTo>
                  <a:cubicBezTo>
                    <a:pt x="495300" y="51149"/>
                    <a:pt x="489395" y="57055"/>
                    <a:pt x="482156" y="57055"/>
                  </a:cubicBezTo>
                  <a:lnTo>
                    <a:pt x="24955" y="57055"/>
                  </a:lnTo>
                  <a:cubicBezTo>
                    <a:pt x="17717" y="57055"/>
                    <a:pt x="11811" y="51149"/>
                    <a:pt x="11811" y="43910"/>
                  </a:cubicBezTo>
                  <a:lnTo>
                    <a:pt x="11811" y="11716"/>
                  </a:lnTo>
                  <a:lnTo>
                    <a:pt x="495300" y="11716"/>
                  </a:lnTo>
                  <a:lnTo>
                    <a:pt x="495300" y="43910"/>
                  </a:ln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49" name="Freeform: Shape 48">
              <a:extLst>
                <a:ext uri="{FF2B5EF4-FFF2-40B4-BE49-F238E27FC236}">
                  <a16:creationId xmlns:a16="http://schemas.microsoft.com/office/drawing/2014/main" id="{4D5ABAC7-FC40-4E8F-B01D-2A4893CDE80D}"/>
                </a:ext>
              </a:extLst>
            </p:cNvPr>
            <p:cNvSpPr/>
            <p:nvPr/>
          </p:nvSpPr>
          <p:spPr>
            <a:xfrm>
              <a:off x="11199965" y="4548187"/>
              <a:ext cx="507111" cy="392811"/>
            </a:xfrm>
            <a:custGeom>
              <a:avLst/>
              <a:gdLst>
                <a:gd name="connsiteX0" fmla="*/ 498253 w 507111"/>
                <a:gd name="connsiteY0" fmla="*/ 5906 h 392811"/>
                <a:gd name="connsiteX1" fmla="*/ 482156 w 507111"/>
                <a:gd name="connsiteY1" fmla="*/ 0 h 392811"/>
                <a:gd name="connsiteX2" fmla="*/ 24955 w 507111"/>
                <a:gd name="connsiteY2" fmla="*/ 0 h 392811"/>
                <a:gd name="connsiteX3" fmla="*/ 0 w 507111"/>
                <a:gd name="connsiteY3" fmla="*/ 24955 h 392811"/>
                <a:gd name="connsiteX4" fmla="*/ 0 w 507111"/>
                <a:gd name="connsiteY4" fmla="*/ 386906 h 392811"/>
                <a:gd name="connsiteX5" fmla="*/ 5906 w 507111"/>
                <a:gd name="connsiteY5" fmla="*/ 392811 h 392811"/>
                <a:gd name="connsiteX6" fmla="*/ 501206 w 507111"/>
                <a:gd name="connsiteY6" fmla="*/ 392811 h 392811"/>
                <a:gd name="connsiteX7" fmla="*/ 507111 w 507111"/>
                <a:gd name="connsiteY7" fmla="*/ 386906 h 392811"/>
                <a:gd name="connsiteX8" fmla="*/ 507111 w 507111"/>
                <a:gd name="connsiteY8" fmla="*/ 24955 h 392811"/>
                <a:gd name="connsiteX9" fmla="*/ 498253 w 507111"/>
                <a:gd name="connsiteY9" fmla="*/ 5906 h 392811"/>
                <a:gd name="connsiteX10" fmla="*/ 11906 w 507111"/>
                <a:gd name="connsiteY10" fmla="*/ 24955 h 392811"/>
                <a:gd name="connsiteX11" fmla="*/ 25051 w 507111"/>
                <a:gd name="connsiteY11" fmla="*/ 11811 h 392811"/>
                <a:gd name="connsiteX12" fmla="*/ 482251 w 507111"/>
                <a:gd name="connsiteY12" fmla="*/ 11811 h 392811"/>
                <a:gd name="connsiteX13" fmla="*/ 495395 w 507111"/>
                <a:gd name="connsiteY13" fmla="*/ 24955 h 392811"/>
                <a:gd name="connsiteX14" fmla="*/ 495395 w 507111"/>
                <a:gd name="connsiteY14" fmla="*/ 381000 h 392811"/>
                <a:gd name="connsiteX15" fmla="*/ 11906 w 507111"/>
                <a:gd name="connsiteY15" fmla="*/ 381000 h 392811"/>
                <a:gd name="connsiteX16" fmla="*/ 11906 w 507111"/>
                <a:gd name="connsiteY16" fmla="*/ 24955 h 39281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507111" h="392811">
                  <a:moveTo>
                    <a:pt x="498253" y="5906"/>
                  </a:moveTo>
                  <a:cubicBezTo>
                    <a:pt x="493871" y="2191"/>
                    <a:pt x="488251" y="0"/>
                    <a:pt x="482156" y="0"/>
                  </a:cubicBezTo>
                  <a:lnTo>
                    <a:pt x="24955" y="0"/>
                  </a:lnTo>
                  <a:cubicBezTo>
                    <a:pt x="11144" y="0"/>
                    <a:pt x="0" y="11144"/>
                    <a:pt x="0" y="24955"/>
                  </a:cubicBezTo>
                  <a:lnTo>
                    <a:pt x="0" y="386906"/>
                  </a:lnTo>
                  <a:cubicBezTo>
                    <a:pt x="0" y="390144"/>
                    <a:pt x="2572" y="392811"/>
                    <a:pt x="5906" y="392811"/>
                  </a:cubicBezTo>
                  <a:lnTo>
                    <a:pt x="501206" y="392811"/>
                  </a:lnTo>
                  <a:cubicBezTo>
                    <a:pt x="504539" y="392811"/>
                    <a:pt x="507111" y="390144"/>
                    <a:pt x="507111" y="386906"/>
                  </a:cubicBezTo>
                  <a:lnTo>
                    <a:pt x="507111" y="24955"/>
                  </a:lnTo>
                  <a:cubicBezTo>
                    <a:pt x="507111" y="17240"/>
                    <a:pt x="503682" y="10478"/>
                    <a:pt x="498253" y="5906"/>
                  </a:cubicBezTo>
                  <a:close/>
                  <a:moveTo>
                    <a:pt x="11906" y="24955"/>
                  </a:moveTo>
                  <a:cubicBezTo>
                    <a:pt x="11906" y="17717"/>
                    <a:pt x="17812" y="11811"/>
                    <a:pt x="25051" y="11811"/>
                  </a:cubicBezTo>
                  <a:lnTo>
                    <a:pt x="482251" y="11811"/>
                  </a:lnTo>
                  <a:cubicBezTo>
                    <a:pt x="489490" y="11811"/>
                    <a:pt x="495395" y="17717"/>
                    <a:pt x="495395" y="24955"/>
                  </a:cubicBezTo>
                  <a:lnTo>
                    <a:pt x="495395" y="381000"/>
                  </a:lnTo>
                  <a:lnTo>
                    <a:pt x="11906" y="381000"/>
                  </a:lnTo>
                  <a:lnTo>
                    <a:pt x="11906" y="24955"/>
                  </a:ln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50" name="Freeform: Shape 49">
              <a:extLst>
                <a:ext uri="{FF2B5EF4-FFF2-40B4-BE49-F238E27FC236}">
                  <a16:creationId xmlns:a16="http://schemas.microsoft.com/office/drawing/2014/main" id="{355FE0B7-B52A-49CD-83CD-A9E3CBF1F671}"/>
                </a:ext>
              </a:extLst>
            </p:cNvPr>
            <p:cNvSpPr/>
            <p:nvPr/>
          </p:nvSpPr>
          <p:spPr>
            <a:xfrm>
              <a:off x="11295215" y="5043582"/>
              <a:ext cx="316611" cy="11811"/>
            </a:xfrm>
            <a:custGeom>
              <a:avLst/>
              <a:gdLst>
                <a:gd name="connsiteX0" fmla="*/ 310706 w 316611"/>
                <a:gd name="connsiteY0" fmla="*/ 11811 h 11811"/>
                <a:gd name="connsiteX1" fmla="*/ 5905 w 316611"/>
                <a:gd name="connsiteY1" fmla="*/ 11811 h 11811"/>
                <a:gd name="connsiteX2" fmla="*/ 0 w 316611"/>
                <a:gd name="connsiteY2" fmla="*/ 5906 h 11811"/>
                <a:gd name="connsiteX3" fmla="*/ 5905 w 316611"/>
                <a:gd name="connsiteY3" fmla="*/ 0 h 11811"/>
                <a:gd name="connsiteX4" fmla="*/ 310706 w 316611"/>
                <a:gd name="connsiteY4" fmla="*/ 0 h 11811"/>
                <a:gd name="connsiteX5" fmla="*/ 316611 w 316611"/>
                <a:gd name="connsiteY5" fmla="*/ 5906 h 11811"/>
                <a:gd name="connsiteX6" fmla="*/ 310706 w 316611"/>
                <a:gd name="connsiteY6" fmla="*/ 11811 h 1181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316611" h="11811">
                  <a:moveTo>
                    <a:pt x="310706" y="11811"/>
                  </a:moveTo>
                  <a:lnTo>
                    <a:pt x="5905" y="11811"/>
                  </a:lnTo>
                  <a:cubicBezTo>
                    <a:pt x="2572" y="11811"/>
                    <a:pt x="0" y="9144"/>
                    <a:pt x="0" y="5906"/>
                  </a:cubicBezTo>
                  <a:cubicBezTo>
                    <a:pt x="0" y="2667"/>
                    <a:pt x="2667" y="0"/>
                    <a:pt x="5905" y="0"/>
                  </a:cubicBezTo>
                  <a:lnTo>
                    <a:pt x="310706" y="0"/>
                  </a:lnTo>
                  <a:cubicBezTo>
                    <a:pt x="314039" y="0"/>
                    <a:pt x="316611" y="2667"/>
                    <a:pt x="316611" y="5906"/>
                  </a:cubicBezTo>
                  <a:cubicBezTo>
                    <a:pt x="316611" y="9144"/>
                    <a:pt x="313944" y="11811"/>
                    <a:pt x="310706" y="1181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51" name="Freeform: Shape 50">
              <a:extLst>
                <a:ext uri="{FF2B5EF4-FFF2-40B4-BE49-F238E27FC236}">
                  <a16:creationId xmlns:a16="http://schemas.microsoft.com/office/drawing/2014/main" id="{26010F10-98AC-4EC2-9D82-9B9388D8295E}"/>
                </a:ext>
              </a:extLst>
            </p:cNvPr>
            <p:cNvSpPr/>
            <p:nvPr/>
          </p:nvSpPr>
          <p:spPr>
            <a:xfrm>
              <a:off x="11314169" y="4600590"/>
              <a:ext cx="88106" cy="135810"/>
            </a:xfrm>
            <a:custGeom>
              <a:avLst/>
              <a:gdLst>
                <a:gd name="connsiteX0" fmla="*/ 6001 w 88106"/>
                <a:gd name="connsiteY0" fmla="*/ 135715 h 135810"/>
                <a:gd name="connsiteX1" fmla="*/ 3429 w 88106"/>
                <a:gd name="connsiteY1" fmla="*/ 135143 h 135810"/>
                <a:gd name="connsiteX2" fmla="*/ 0 w 88106"/>
                <a:gd name="connsiteY2" fmla="*/ 129809 h 135810"/>
                <a:gd name="connsiteX3" fmla="*/ 0 w 88106"/>
                <a:gd name="connsiteY3" fmla="*/ 5889 h 135810"/>
                <a:gd name="connsiteX4" fmla="*/ 3429 w 88106"/>
                <a:gd name="connsiteY4" fmla="*/ 555 h 135810"/>
                <a:gd name="connsiteX5" fmla="*/ 9716 w 88106"/>
                <a:gd name="connsiteY5" fmla="*/ 1317 h 135810"/>
                <a:gd name="connsiteX6" fmla="*/ 85916 w 88106"/>
                <a:gd name="connsiteY6" fmla="*/ 63230 h 135810"/>
                <a:gd name="connsiteX7" fmla="*/ 88106 w 88106"/>
                <a:gd name="connsiteY7" fmla="*/ 67897 h 135810"/>
                <a:gd name="connsiteX8" fmla="*/ 85916 w 88106"/>
                <a:gd name="connsiteY8" fmla="*/ 72564 h 135810"/>
                <a:gd name="connsiteX9" fmla="*/ 9716 w 88106"/>
                <a:gd name="connsiteY9" fmla="*/ 134477 h 135810"/>
                <a:gd name="connsiteX10" fmla="*/ 6001 w 88106"/>
                <a:gd name="connsiteY10" fmla="*/ 135810 h 135810"/>
                <a:gd name="connsiteX11" fmla="*/ 12002 w 88106"/>
                <a:gd name="connsiteY11" fmla="*/ 18462 h 135810"/>
                <a:gd name="connsiteX12" fmla="*/ 12002 w 88106"/>
                <a:gd name="connsiteY12" fmla="*/ 117236 h 135810"/>
                <a:gd name="connsiteX13" fmla="*/ 72771 w 88106"/>
                <a:gd name="connsiteY13" fmla="*/ 67802 h 135810"/>
                <a:gd name="connsiteX14" fmla="*/ 12002 w 88106"/>
                <a:gd name="connsiteY14" fmla="*/ 18367 h 1358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88106" h="135810">
                  <a:moveTo>
                    <a:pt x="6001" y="135715"/>
                  </a:moveTo>
                  <a:cubicBezTo>
                    <a:pt x="5143" y="135715"/>
                    <a:pt x="4286" y="135524"/>
                    <a:pt x="3429" y="135143"/>
                  </a:cubicBezTo>
                  <a:cubicBezTo>
                    <a:pt x="1334" y="134191"/>
                    <a:pt x="0" y="132095"/>
                    <a:pt x="0" y="129809"/>
                  </a:cubicBezTo>
                  <a:lnTo>
                    <a:pt x="0" y="5889"/>
                  </a:lnTo>
                  <a:cubicBezTo>
                    <a:pt x="0" y="3603"/>
                    <a:pt x="1334" y="1508"/>
                    <a:pt x="3429" y="555"/>
                  </a:cubicBezTo>
                  <a:cubicBezTo>
                    <a:pt x="5524" y="-397"/>
                    <a:pt x="8001" y="-112"/>
                    <a:pt x="9716" y="1317"/>
                  </a:cubicBezTo>
                  <a:lnTo>
                    <a:pt x="85916" y="63230"/>
                  </a:lnTo>
                  <a:cubicBezTo>
                    <a:pt x="87344" y="64373"/>
                    <a:pt x="88106" y="66087"/>
                    <a:pt x="88106" y="67897"/>
                  </a:cubicBezTo>
                  <a:cubicBezTo>
                    <a:pt x="88106" y="69707"/>
                    <a:pt x="87249" y="71421"/>
                    <a:pt x="85916" y="72564"/>
                  </a:cubicBezTo>
                  <a:lnTo>
                    <a:pt x="9716" y="134477"/>
                  </a:lnTo>
                  <a:cubicBezTo>
                    <a:pt x="8668" y="135334"/>
                    <a:pt x="7334" y="135810"/>
                    <a:pt x="6001" y="135810"/>
                  </a:cubicBezTo>
                  <a:close/>
                  <a:moveTo>
                    <a:pt x="12002" y="18462"/>
                  </a:moveTo>
                  <a:lnTo>
                    <a:pt x="12002" y="117236"/>
                  </a:lnTo>
                  <a:lnTo>
                    <a:pt x="72771" y="67802"/>
                  </a:lnTo>
                  <a:lnTo>
                    <a:pt x="12002" y="18367"/>
                  </a:ln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52" name="Freeform: Shape 51">
              <a:extLst>
                <a:ext uri="{FF2B5EF4-FFF2-40B4-BE49-F238E27FC236}">
                  <a16:creationId xmlns:a16="http://schemas.microsoft.com/office/drawing/2014/main" id="{E1A812B5-3839-4327-B18B-B7BC45281DC7}"/>
                </a:ext>
              </a:extLst>
            </p:cNvPr>
            <p:cNvSpPr/>
            <p:nvPr/>
          </p:nvSpPr>
          <p:spPr>
            <a:xfrm>
              <a:off x="11199965" y="4548187"/>
              <a:ext cx="297560" cy="240506"/>
            </a:xfrm>
            <a:custGeom>
              <a:avLst/>
              <a:gdLst>
                <a:gd name="connsiteX0" fmla="*/ 291656 w 297560"/>
                <a:gd name="connsiteY0" fmla="*/ 240506 h 240506"/>
                <a:gd name="connsiteX1" fmla="*/ 5906 w 297560"/>
                <a:gd name="connsiteY1" fmla="*/ 240506 h 240506"/>
                <a:gd name="connsiteX2" fmla="*/ 0 w 297560"/>
                <a:gd name="connsiteY2" fmla="*/ 234601 h 240506"/>
                <a:gd name="connsiteX3" fmla="*/ 0 w 297560"/>
                <a:gd name="connsiteY3" fmla="*/ 24955 h 240506"/>
                <a:gd name="connsiteX4" fmla="*/ 24955 w 297560"/>
                <a:gd name="connsiteY4" fmla="*/ 0 h 240506"/>
                <a:gd name="connsiteX5" fmla="*/ 291656 w 297560"/>
                <a:gd name="connsiteY5" fmla="*/ 0 h 240506"/>
                <a:gd name="connsiteX6" fmla="*/ 297561 w 297560"/>
                <a:gd name="connsiteY6" fmla="*/ 5906 h 240506"/>
                <a:gd name="connsiteX7" fmla="*/ 297561 w 297560"/>
                <a:gd name="connsiteY7" fmla="*/ 234506 h 240506"/>
                <a:gd name="connsiteX8" fmla="*/ 291656 w 297560"/>
                <a:gd name="connsiteY8" fmla="*/ 240411 h 240506"/>
                <a:gd name="connsiteX9" fmla="*/ 11906 w 297560"/>
                <a:gd name="connsiteY9" fmla="*/ 228600 h 240506"/>
                <a:gd name="connsiteX10" fmla="*/ 285750 w 297560"/>
                <a:gd name="connsiteY10" fmla="*/ 228600 h 240506"/>
                <a:gd name="connsiteX11" fmla="*/ 285750 w 297560"/>
                <a:gd name="connsiteY11" fmla="*/ 11906 h 240506"/>
                <a:gd name="connsiteX12" fmla="*/ 24955 w 297560"/>
                <a:gd name="connsiteY12" fmla="*/ 11906 h 240506"/>
                <a:gd name="connsiteX13" fmla="*/ 11811 w 297560"/>
                <a:gd name="connsiteY13" fmla="*/ 25051 h 240506"/>
                <a:gd name="connsiteX14" fmla="*/ 11811 w 297560"/>
                <a:gd name="connsiteY14" fmla="*/ 228695 h 24050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97560" h="240506">
                  <a:moveTo>
                    <a:pt x="291656" y="240506"/>
                  </a:moveTo>
                  <a:lnTo>
                    <a:pt x="5906" y="240506"/>
                  </a:lnTo>
                  <a:cubicBezTo>
                    <a:pt x="2572" y="240506"/>
                    <a:pt x="0" y="237839"/>
                    <a:pt x="0" y="234601"/>
                  </a:cubicBezTo>
                  <a:lnTo>
                    <a:pt x="0" y="24955"/>
                  </a:lnTo>
                  <a:cubicBezTo>
                    <a:pt x="0" y="11239"/>
                    <a:pt x="11239" y="0"/>
                    <a:pt x="24955" y="0"/>
                  </a:cubicBezTo>
                  <a:lnTo>
                    <a:pt x="291656" y="0"/>
                  </a:lnTo>
                  <a:cubicBezTo>
                    <a:pt x="294989" y="0"/>
                    <a:pt x="297561" y="2667"/>
                    <a:pt x="297561" y="5906"/>
                  </a:cubicBezTo>
                  <a:lnTo>
                    <a:pt x="297561" y="234506"/>
                  </a:lnTo>
                  <a:cubicBezTo>
                    <a:pt x="297561" y="237744"/>
                    <a:pt x="294894" y="240411"/>
                    <a:pt x="291656" y="240411"/>
                  </a:cubicBezTo>
                  <a:close/>
                  <a:moveTo>
                    <a:pt x="11906" y="228600"/>
                  </a:moveTo>
                  <a:lnTo>
                    <a:pt x="285750" y="228600"/>
                  </a:lnTo>
                  <a:lnTo>
                    <a:pt x="285750" y="11906"/>
                  </a:lnTo>
                  <a:lnTo>
                    <a:pt x="24955" y="11906"/>
                  </a:lnTo>
                  <a:cubicBezTo>
                    <a:pt x="17717" y="11906"/>
                    <a:pt x="11811" y="17812"/>
                    <a:pt x="11811" y="25051"/>
                  </a:cubicBezTo>
                  <a:lnTo>
                    <a:pt x="11811" y="228695"/>
                  </a:ln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53" name="Freeform: Shape 52">
              <a:extLst>
                <a:ext uri="{FF2B5EF4-FFF2-40B4-BE49-F238E27FC236}">
                  <a16:creationId xmlns:a16="http://schemas.microsoft.com/office/drawing/2014/main" id="{C3FDAFDC-FB5E-4AA3-B9C7-A60A7D4879E0}"/>
                </a:ext>
              </a:extLst>
            </p:cNvPr>
            <p:cNvSpPr/>
            <p:nvPr/>
          </p:nvSpPr>
          <p:spPr>
            <a:xfrm>
              <a:off x="11533340" y="4776882"/>
              <a:ext cx="78486" cy="11810"/>
            </a:xfrm>
            <a:custGeom>
              <a:avLst/>
              <a:gdLst>
                <a:gd name="connsiteX0" fmla="*/ 72580 w 78486"/>
                <a:gd name="connsiteY0" fmla="*/ 11811 h 11810"/>
                <a:gd name="connsiteX1" fmla="*/ 5905 w 78486"/>
                <a:gd name="connsiteY1" fmla="*/ 11811 h 11810"/>
                <a:gd name="connsiteX2" fmla="*/ 0 w 78486"/>
                <a:gd name="connsiteY2" fmla="*/ 5905 h 11810"/>
                <a:gd name="connsiteX3" fmla="*/ 5905 w 78486"/>
                <a:gd name="connsiteY3" fmla="*/ 0 h 11810"/>
                <a:gd name="connsiteX4" fmla="*/ 72580 w 78486"/>
                <a:gd name="connsiteY4" fmla="*/ 0 h 11810"/>
                <a:gd name="connsiteX5" fmla="*/ 78486 w 78486"/>
                <a:gd name="connsiteY5" fmla="*/ 5905 h 11810"/>
                <a:gd name="connsiteX6" fmla="*/ 72580 w 78486"/>
                <a:gd name="connsiteY6" fmla="*/ 11811 h 118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78486" h="11810">
                  <a:moveTo>
                    <a:pt x="72580" y="11811"/>
                  </a:moveTo>
                  <a:lnTo>
                    <a:pt x="5905" y="11811"/>
                  </a:lnTo>
                  <a:cubicBezTo>
                    <a:pt x="2572" y="11811"/>
                    <a:pt x="0" y="9144"/>
                    <a:pt x="0" y="5905"/>
                  </a:cubicBezTo>
                  <a:cubicBezTo>
                    <a:pt x="0" y="2667"/>
                    <a:pt x="2667" y="0"/>
                    <a:pt x="5905" y="0"/>
                  </a:cubicBezTo>
                  <a:lnTo>
                    <a:pt x="72580" y="0"/>
                  </a:lnTo>
                  <a:cubicBezTo>
                    <a:pt x="75914" y="0"/>
                    <a:pt x="78486" y="2667"/>
                    <a:pt x="78486" y="5905"/>
                  </a:cubicBezTo>
                  <a:cubicBezTo>
                    <a:pt x="78486" y="9144"/>
                    <a:pt x="75819" y="11811"/>
                    <a:pt x="72580" y="1181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54" name="Freeform: Shape 53">
              <a:extLst>
                <a:ext uri="{FF2B5EF4-FFF2-40B4-BE49-F238E27FC236}">
                  <a16:creationId xmlns:a16="http://schemas.microsoft.com/office/drawing/2014/main" id="{DE87F223-0D16-4F52-850F-A863ADDCF84F}"/>
                </a:ext>
              </a:extLst>
            </p:cNvPr>
            <p:cNvSpPr/>
            <p:nvPr/>
          </p:nvSpPr>
          <p:spPr>
            <a:xfrm>
              <a:off x="11457140" y="4824507"/>
              <a:ext cx="202311" cy="11810"/>
            </a:xfrm>
            <a:custGeom>
              <a:avLst/>
              <a:gdLst>
                <a:gd name="connsiteX0" fmla="*/ 196405 w 202311"/>
                <a:gd name="connsiteY0" fmla="*/ 11811 h 11810"/>
                <a:gd name="connsiteX1" fmla="*/ 5906 w 202311"/>
                <a:gd name="connsiteY1" fmla="*/ 11811 h 11810"/>
                <a:gd name="connsiteX2" fmla="*/ 0 w 202311"/>
                <a:gd name="connsiteY2" fmla="*/ 5905 h 11810"/>
                <a:gd name="connsiteX3" fmla="*/ 5906 w 202311"/>
                <a:gd name="connsiteY3" fmla="*/ 0 h 11810"/>
                <a:gd name="connsiteX4" fmla="*/ 196405 w 202311"/>
                <a:gd name="connsiteY4" fmla="*/ 0 h 11810"/>
                <a:gd name="connsiteX5" fmla="*/ 202311 w 202311"/>
                <a:gd name="connsiteY5" fmla="*/ 5905 h 11810"/>
                <a:gd name="connsiteX6" fmla="*/ 196405 w 202311"/>
                <a:gd name="connsiteY6" fmla="*/ 11811 h 118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202311" h="11810">
                  <a:moveTo>
                    <a:pt x="196405" y="11811"/>
                  </a:moveTo>
                  <a:lnTo>
                    <a:pt x="5906" y="11811"/>
                  </a:lnTo>
                  <a:cubicBezTo>
                    <a:pt x="2572" y="11811"/>
                    <a:pt x="0" y="9144"/>
                    <a:pt x="0" y="5905"/>
                  </a:cubicBezTo>
                  <a:cubicBezTo>
                    <a:pt x="0" y="2667"/>
                    <a:pt x="2667" y="0"/>
                    <a:pt x="5906" y="0"/>
                  </a:cubicBezTo>
                  <a:lnTo>
                    <a:pt x="196405" y="0"/>
                  </a:lnTo>
                  <a:cubicBezTo>
                    <a:pt x="199739" y="0"/>
                    <a:pt x="202311" y="2667"/>
                    <a:pt x="202311" y="5905"/>
                  </a:cubicBezTo>
                  <a:cubicBezTo>
                    <a:pt x="202311" y="9144"/>
                    <a:pt x="199644" y="11811"/>
                    <a:pt x="196405" y="1181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55" name="Freeform: Shape 54">
              <a:extLst>
                <a:ext uri="{FF2B5EF4-FFF2-40B4-BE49-F238E27FC236}">
                  <a16:creationId xmlns:a16="http://schemas.microsoft.com/office/drawing/2014/main" id="{72217DB1-0512-4996-956C-8FDB33A70AA7}"/>
                </a:ext>
              </a:extLst>
            </p:cNvPr>
            <p:cNvSpPr/>
            <p:nvPr/>
          </p:nvSpPr>
          <p:spPr>
            <a:xfrm>
              <a:off x="11247590" y="4824507"/>
              <a:ext cx="183260" cy="11810"/>
            </a:xfrm>
            <a:custGeom>
              <a:avLst/>
              <a:gdLst>
                <a:gd name="connsiteX0" fmla="*/ 177356 w 183260"/>
                <a:gd name="connsiteY0" fmla="*/ 11811 h 11810"/>
                <a:gd name="connsiteX1" fmla="*/ 5905 w 183260"/>
                <a:gd name="connsiteY1" fmla="*/ 11811 h 11810"/>
                <a:gd name="connsiteX2" fmla="*/ 0 w 183260"/>
                <a:gd name="connsiteY2" fmla="*/ 5905 h 11810"/>
                <a:gd name="connsiteX3" fmla="*/ 5905 w 183260"/>
                <a:gd name="connsiteY3" fmla="*/ 0 h 11810"/>
                <a:gd name="connsiteX4" fmla="*/ 177356 w 183260"/>
                <a:gd name="connsiteY4" fmla="*/ 0 h 11810"/>
                <a:gd name="connsiteX5" fmla="*/ 183261 w 183260"/>
                <a:gd name="connsiteY5" fmla="*/ 5905 h 11810"/>
                <a:gd name="connsiteX6" fmla="*/ 177356 w 183260"/>
                <a:gd name="connsiteY6" fmla="*/ 11811 h 118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83260" h="11810">
                  <a:moveTo>
                    <a:pt x="177356" y="11811"/>
                  </a:moveTo>
                  <a:lnTo>
                    <a:pt x="5905" y="11811"/>
                  </a:lnTo>
                  <a:cubicBezTo>
                    <a:pt x="2572" y="11811"/>
                    <a:pt x="0" y="9144"/>
                    <a:pt x="0" y="5905"/>
                  </a:cubicBezTo>
                  <a:cubicBezTo>
                    <a:pt x="0" y="2667"/>
                    <a:pt x="2667" y="0"/>
                    <a:pt x="5905" y="0"/>
                  </a:cubicBezTo>
                  <a:lnTo>
                    <a:pt x="177356" y="0"/>
                  </a:lnTo>
                  <a:cubicBezTo>
                    <a:pt x="180689" y="0"/>
                    <a:pt x="183261" y="2667"/>
                    <a:pt x="183261" y="5905"/>
                  </a:cubicBezTo>
                  <a:cubicBezTo>
                    <a:pt x="183261" y="9144"/>
                    <a:pt x="180594" y="11811"/>
                    <a:pt x="177356" y="1181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56" name="Freeform: Shape 55">
              <a:extLst>
                <a:ext uri="{FF2B5EF4-FFF2-40B4-BE49-F238E27FC236}">
                  <a16:creationId xmlns:a16="http://schemas.microsoft.com/office/drawing/2014/main" id="{15938086-762D-411B-AF57-F2562003D503}"/>
                </a:ext>
              </a:extLst>
            </p:cNvPr>
            <p:cNvSpPr/>
            <p:nvPr/>
          </p:nvSpPr>
          <p:spPr>
            <a:xfrm>
              <a:off x="11361890" y="4872132"/>
              <a:ext cx="183261" cy="11811"/>
            </a:xfrm>
            <a:custGeom>
              <a:avLst/>
              <a:gdLst>
                <a:gd name="connsiteX0" fmla="*/ 177355 w 183261"/>
                <a:gd name="connsiteY0" fmla="*/ 11811 h 11811"/>
                <a:gd name="connsiteX1" fmla="*/ 5906 w 183261"/>
                <a:gd name="connsiteY1" fmla="*/ 11811 h 11811"/>
                <a:gd name="connsiteX2" fmla="*/ 0 w 183261"/>
                <a:gd name="connsiteY2" fmla="*/ 5906 h 11811"/>
                <a:gd name="connsiteX3" fmla="*/ 5906 w 183261"/>
                <a:gd name="connsiteY3" fmla="*/ 0 h 11811"/>
                <a:gd name="connsiteX4" fmla="*/ 177355 w 183261"/>
                <a:gd name="connsiteY4" fmla="*/ 0 h 11811"/>
                <a:gd name="connsiteX5" fmla="*/ 183261 w 183261"/>
                <a:gd name="connsiteY5" fmla="*/ 5906 h 11811"/>
                <a:gd name="connsiteX6" fmla="*/ 177355 w 183261"/>
                <a:gd name="connsiteY6" fmla="*/ 11811 h 1181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83261" h="11811">
                  <a:moveTo>
                    <a:pt x="177355" y="11811"/>
                  </a:moveTo>
                  <a:lnTo>
                    <a:pt x="5906" y="11811"/>
                  </a:lnTo>
                  <a:cubicBezTo>
                    <a:pt x="2572" y="11811"/>
                    <a:pt x="0" y="9144"/>
                    <a:pt x="0" y="5906"/>
                  </a:cubicBezTo>
                  <a:cubicBezTo>
                    <a:pt x="0" y="2667"/>
                    <a:pt x="2667" y="0"/>
                    <a:pt x="5906" y="0"/>
                  </a:cubicBezTo>
                  <a:lnTo>
                    <a:pt x="177355" y="0"/>
                  </a:lnTo>
                  <a:cubicBezTo>
                    <a:pt x="180689" y="0"/>
                    <a:pt x="183261" y="2667"/>
                    <a:pt x="183261" y="5906"/>
                  </a:cubicBezTo>
                  <a:cubicBezTo>
                    <a:pt x="183261" y="9144"/>
                    <a:pt x="180594" y="11811"/>
                    <a:pt x="177355" y="1181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57" name="Freeform: Shape 56">
              <a:extLst>
                <a:ext uri="{FF2B5EF4-FFF2-40B4-BE49-F238E27FC236}">
                  <a16:creationId xmlns:a16="http://schemas.microsoft.com/office/drawing/2014/main" id="{E35EBB13-E0F5-4CB8-B69F-918653768973}"/>
                </a:ext>
              </a:extLst>
            </p:cNvPr>
            <p:cNvSpPr/>
            <p:nvPr/>
          </p:nvSpPr>
          <p:spPr>
            <a:xfrm>
              <a:off x="11247590" y="4872132"/>
              <a:ext cx="88010" cy="11811"/>
            </a:xfrm>
            <a:custGeom>
              <a:avLst/>
              <a:gdLst>
                <a:gd name="connsiteX0" fmla="*/ 82106 w 88010"/>
                <a:gd name="connsiteY0" fmla="*/ 11811 h 11811"/>
                <a:gd name="connsiteX1" fmla="*/ 5905 w 88010"/>
                <a:gd name="connsiteY1" fmla="*/ 11811 h 11811"/>
                <a:gd name="connsiteX2" fmla="*/ 0 w 88010"/>
                <a:gd name="connsiteY2" fmla="*/ 5906 h 11811"/>
                <a:gd name="connsiteX3" fmla="*/ 5905 w 88010"/>
                <a:gd name="connsiteY3" fmla="*/ 0 h 11811"/>
                <a:gd name="connsiteX4" fmla="*/ 82106 w 88010"/>
                <a:gd name="connsiteY4" fmla="*/ 0 h 11811"/>
                <a:gd name="connsiteX5" fmla="*/ 88011 w 88010"/>
                <a:gd name="connsiteY5" fmla="*/ 5906 h 11811"/>
                <a:gd name="connsiteX6" fmla="*/ 82106 w 88010"/>
                <a:gd name="connsiteY6" fmla="*/ 11811 h 1181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88010" h="11811">
                  <a:moveTo>
                    <a:pt x="82106" y="11811"/>
                  </a:moveTo>
                  <a:lnTo>
                    <a:pt x="5905" y="11811"/>
                  </a:lnTo>
                  <a:cubicBezTo>
                    <a:pt x="2572" y="11811"/>
                    <a:pt x="0" y="9144"/>
                    <a:pt x="0" y="5906"/>
                  </a:cubicBezTo>
                  <a:cubicBezTo>
                    <a:pt x="0" y="2667"/>
                    <a:pt x="2667" y="0"/>
                    <a:pt x="5905" y="0"/>
                  </a:cubicBezTo>
                  <a:lnTo>
                    <a:pt x="82106" y="0"/>
                  </a:lnTo>
                  <a:cubicBezTo>
                    <a:pt x="85439" y="0"/>
                    <a:pt x="88011" y="2667"/>
                    <a:pt x="88011" y="5906"/>
                  </a:cubicBezTo>
                  <a:cubicBezTo>
                    <a:pt x="88011" y="9144"/>
                    <a:pt x="85344" y="11811"/>
                    <a:pt x="82106" y="1181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58" name="Freeform: Shape 57">
              <a:extLst>
                <a:ext uri="{FF2B5EF4-FFF2-40B4-BE49-F238E27FC236}">
                  <a16:creationId xmlns:a16="http://schemas.microsoft.com/office/drawing/2014/main" id="{817AA5C2-2159-48A4-BFF5-8C5EE87CAD0B}"/>
                </a:ext>
              </a:extLst>
            </p:cNvPr>
            <p:cNvSpPr/>
            <p:nvPr/>
          </p:nvSpPr>
          <p:spPr>
            <a:xfrm>
              <a:off x="11533340" y="4729257"/>
              <a:ext cx="126111" cy="11810"/>
            </a:xfrm>
            <a:custGeom>
              <a:avLst/>
              <a:gdLst>
                <a:gd name="connsiteX0" fmla="*/ 120205 w 126111"/>
                <a:gd name="connsiteY0" fmla="*/ 11811 h 11810"/>
                <a:gd name="connsiteX1" fmla="*/ 5905 w 126111"/>
                <a:gd name="connsiteY1" fmla="*/ 11811 h 11810"/>
                <a:gd name="connsiteX2" fmla="*/ 0 w 126111"/>
                <a:gd name="connsiteY2" fmla="*/ 5905 h 11810"/>
                <a:gd name="connsiteX3" fmla="*/ 5905 w 126111"/>
                <a:gd name="connsiteY3" fmla="*/ 0 h 11810"/>
                <a:gd name="connsiteX4" fmla="*/ 120205 w 126111"/>
                <a:gd name="connsiteY4" fmla="*/ 0 h 11810"/>
                <a:gd name="connsiteX5" fmla="*/ 126111 w 126111"/>
                <a:gd name="connsiteY5" fmla="*/ 5905 h 11810"/>
                <a:gd name="connsiteX6" fmla="*/ 120205 w 126111"/>
                <a:gd name="connsiteY6" fmla="*/ 11811 h 118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11" h="11810">
                  <a:moveTo>
                    <a:pt x="120205" y="11811"/>
                  </a:moveTo>
                  <a:lnTo>
                    <a:pt x="5905" y="11811"/>
                  </a:lnTo>
                  <a:cubicBezTo>
                    <a:pt x="2572" y="11811"/>
                    <a:pt x="0" y="9144"/>
                    <a:pt x="0" y="5905"/>
                  </a:cubicBezTo>
                  <a:cubicBezTo>
                    <a:pt x="0" y="2667"/>
                    <a:pt x="2667" y="0"/>
                    <a:pt x="5905" y="0"/>
                  </a:cubicBezTo>
                  <a:lnTo>
                    <a:pt x="120205" y="0"/>
                  </a:lnTo>
                  <a:cubicBezTo>
                    <a:pt x="123539" y="0"/>
                    <a:pt x="126111" y="2667"/>
                    <a:pt x="126111" y="5905"/>
                  </a:cubicBezTo>
                  <a:cubicBezTo>
                    <a:pt x="126111" y="9144"/>
                    <a:pt x="123444" y="11811"/>
                    <a:pt x="120205" y="1181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59" name="Freeform: Shape 58">
              <a:extLst>
                <a:ext uri="{FF2B5EF4-FFF2-40B4-BE49-F238E27FC236}">
                  <a16:creationId xmlns:a16="http://schemas.microsoft.com/office/drawing/2014/main" id="{6894D0B3-6C1F-437D-AEF2-8CF792686E5C}"/>
                </a:ext>
              </a:extLst>
            </p:cNvPr>
            <p:cNvSpPr/>
            <p:nvPr/>
          </p:nvSpPr>
          <p:spPr>
            <a:xfrm>
              <a:off x="11533340" y="4681632"/>
              <a:ext cx="97536" cy="11810"/>
            </a:xfrm>
            <a:custGeom>
              <a:avLst/>
              <a:gdLst>
                <a:gd name="connsiteX0" fmla="*/ 91630 w 97536"/>
                <a:gd name="connsiteY0" fmla="*/ 11811 h 11810"/>
                <a:gd name="connsiteX1" fmla="*/ 5905 w 97536"/>
                <a:gd name="connsiteY1" fmla="*/ 11811 h 11810"/>
                <a:gd name="connsiteX2" fmla="*/ 0 w 97536"/>
                <a:gd name="connsiteY2" fmla="*/ 5905 h 11810"/>
                <a:gd name="connsiteX3" fmla="*/ 5905 w 97536"/>
                <a:gd name="connsiteY3" fmla="*/ 0 h 11810"/>
                <a:gd name="connsiteX4" fmla="*/ 91630 w 97536"/>
                <a:gd name="connsiteY4" fmla="*/ 0 h 11810"/>
                <a:gd name="connsiteX5" fmla="*/ 97536 w 97536"/>
                <a:gd name="connsiteY5" fmla="*/ 5905 h 11810"/>
                <a:gd name="connsiteX6" fmla="*/ 91630 w 97536"/>
                <a:gd name="connsiteY6" fmla="*/ 11811 h 118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7536" h="11810">
                  <a:moveTo>
                    <a:pt x="91630" y="11811"/>
                  </a:moveTo>
                  <a:lnTo>
                    <a:pt x="5905" y="11811"/>
                  </a:lnTo>
                  <a:cubicBezTo>
                    <a:pt x="2572" y="11811"/>
                    <a:pt x="0" y="9144"/>
                    <a:pt x="0" y="5905"/>
                  </a:cubicBezTo>
                  <a:cubicBezTo>
                    <a:pt x="0" y="2667"/>
                    <a:pt x="2667" y="0"/>
                    <a:pt x="5905" y="0"/>
                  </a:cubicBezTo>
                  <a:lnTo>
                    <a:pt x="91630" y="0"/>
                  </a:lnTo>
                  <a:cubicBezTo>
                    <a:pt x="94964" y="0"/>
                    <a:pt x="97536" y="2667"/>
                    <a:pt x="97536" y="5905"/>
                  </a:cubicBezTo>
                  <a:cubicBezTo>
                    <a:pt x="97536" y="9144"/>
                    <a:pt x="94869" y="11811"/>
                    <a:pt x="91630" y="1181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  <p:sp>
          <p:nvSpPr>
            <p:cNvPr id="60" name="Freeform: Shape 59">
              <a:extLst>
                <a:ext uri="{FF2B5EF4-FFF2-40B4-BE49-F238E27FC236}">
                  <a16:creationId xmlns:a16="http://schemas.microsoft.com/office/drawing/2014/main" id="{F62E00AA-784E-41FB-922B-375E4F1BDB72}"/>
                </a:ext>
              </a:extLst>
            </p:cNvPr>
            <p:cNvSpPr/>
            <p:nvPr/>
          </p:nvSpPr>
          <p:spPr>
            <a:xfrm>
              <a:off x="11533340" y="4634007"/>
              <a:ext cx="126111" cy="11810"/>
            </a:xfrm>
            <a:custGeom>
              <a:avLst/>
              <a:gdLst>
                <a:gd name="connsiteX0" fmla="*/ 120205 w 126111"/>
                <a:gd name="connsiteY0" fmla="*/ 11811 h 11810"/>
                <a:gd name="connsiteX1" fmla="*/ 5905 w 126111"/>
                <a:gd name="connsiteY1" fmla="*/ 11811 h 11810"/>
                <a:gd name="connsiteX2" fmla="*/ 0 w 126111"/>
                <a:gd name="connsiteY2" fmla="*/ 5905 h 11810"/>
                <a:gd name="connsiteX3" fmla="*/ 5905 w 126111"/>
                <a:gd name="connsiteY3" fmla="*/ 0 h 11810"/>
                <a:gd name="connsiteX4" fmla="*/ 120205 w 126111"/>
                <a:gd name="connsiteY4" fmla="*/ 0 h 11810"/>
                <a:gd name="connsiteX5" fmla="*/ 126111 w 126111"/>
                <a:gd name="connsiteY5" fmla="*/ 5905 h 11810"/>
                <a:gd name="connsiteX6" fmla="*/ 120205 w 126111"/>
                <a:gd name="connsiteY6" fmla="*/ 11811 h 1181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11" h="11810">
                  <a:moveTo>
                    <a:pt x="120205" y="11811"/>
                  </a:moveTo>
                  <a:lnTo>
                    <a:pt x="5905" y="11811"/>
                  </a:lnTo>
                  <a:cubicBezTo>
                    <a:pt x="2572" y="11811"/>
                    <a:pt x="0" y="9144"/>
                    <a:pt x="0" y="5905"/>
                  </a:cubicBezTo>
                  <a:cubicBezTo>
                    <a:pt x="0" y="2667"/>
                    <a:pt x="2667" y="0"/>
                    <a:pt x="5905" y="0"/>
                  </a:cubicBezTo>
                  <a:lnTo>
                    <a:pt x="120205" y="0"/>
                  </a:lnTo>
                  <a:cubicBezTo>
                    <a:pt x="123539" y="0"/>
                    <a:pt x="126111" y="2667"/>
                    <a:pt x="126111" y="5905"/>
                  </a:cubicBezTo>
                  <a:cubicBezTo>
                    <a:pt x="126111" y="9144"/>
                    <a:pt x="123444" y="11811"/>
                    <a:pt x="120205" y="11811"/>
                  </a:cubicBezTo>
                  <a:close/>
                </a:path>
              </a:pathLst>
            </a:custGeom>
            <a:solidFill>
              <a:schemeClr val="bg1"/>
            </a:solidFill>
            <a:ln w="0" cap="flat">
              <a:noFill/>
              <a:prstDash val="solid"/>
              <a:miter/>
            </a:ln>
          </p:spPr>
          <p:txBody>
            <a:bodyPr rtlCol="0" anchor="ctr"/>
            <a:lstStyle/>
            <a:p>
              <a:endParaRPr lang="en-IN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20108140"/>
      </p:ext>
    </p:extLst>
  </p:cSld>
  <p:clrMapOvr>
    <a:masterClrMapping/>
  </p:clrMapOvr>
  <p:transition spd="slow">
    <p:push dir="u"/>
  </p:transition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1EF874A-A343-5619-9574-D2E92AA4BC1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N"/>
              <a:t>Skill sets </a:t>
            </a:r>
          </a:p>
        </p:txBody>
      </p:sp>
      <p:grpSp>
        <p:nvGrpSpPr>
          <p:cNvPr id="41" name="Group 40">
            <a:extLst>
              <a:ext uri="{FF2B5EF4-FFF2-40B4-BE49-F238E27FC236}">
                <a16:creationId xmlns:a16="http://schemas.microsoft.com/office/drawing/2014/main" id="{3AB3A177-6803-2374-E3FC-DA437729FBA1}"/>
              </a:ext>
            </a:extLst>
          </p:cNvPr>
          <p:cNvGrpSpPr/>
          <p:nvPr/>
        </p:nvGrpSpPr>
        <p:grpSpPr>
          <a:xfrm>
            <a:off x="725805" y="1809405"/>
            <a:ext cx="3571875" cy="584775"/>
            <a:chOff x="725805" y="1809405"/>
            <a:chExt cx="3571875" cy="584775"/>
          </a:xfrm>
        </p:grpSpPr>
        <p:sp>
          <p:nvSpPr>
            <p:cNvPr id="3" name="Rectangle 2">
              <a:extLst>
                <a:ext uri="{FF2B5EF4-FFF2-40B4-BE49-F238E27FC236}">
                  <a16:creationId xmlns:a16="http://schemas.microsoft.com/office/drawing/2014/main" id="{F4AA16B3-C19E-38A5-E3A9-35037E732FEA}"/>
                </a:ext>
              </a:extLst>
            </p:cNvPr>
            <p:cNvSpPr/>
            <p:nvPr/>
          </p:nvSpPr>
          <p:spPr>
            <a:xfrm>
              <a:off x="725805" y="1848572"/>
              <a:ext cx="442595" cy="375920"/>
            </a:xfrm>
            <a:prstGeom prst="rect">
              <a:avLst/>
            </a:prstGeom>
            <a:solidFill>
              <a:schemeClr val="bg1">
                <a:lumMod val="85000"/>
              </a:schemeClr>
            </a:solidFill>
            <a:ln w="28575">
              <a:solidFill>
                <a:schemeClr val="bg1">
                  <a:lumMod val="75000"/>
                </a:schemeClr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91440" tIns="45720" rIns="91440" bIns="45720" rtlCol="0" anchor="ctr"/>
            <a:lstStyle/>
            <a:p>
              <a:pPr algn="ctr"/>
              <a:r>
                <a:rPr lang="en-IN">
                  <a:solidFill>
                    <a:schemeClr val="tx1"/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rPr>
                <a:t>A</a:t>
              </a:r>
            </a:p>
          </p:txBody>
        </p:sp>
        <p:sp>
          <p:nvSpPr>
            <p:cNvPr id="8" name="TextBox 7">
              <a:extLst>
                <a:ext uri="{FF2B5EF4-FFF2-40B4-BE49-F238E27FC236}">
                  <a16:creationId xmlns:a16="http://schemas.microsoft.com/office/drawing/2014/main" id="{38BA1F85-4A6F-A3A1-304D-D4500251A3EF}"/>
                </a:ext>
              </a:extLst>
            </p:cNvPr>
            <p:cNvSpPr txBox="1"/>
            <p:nvPr/>
          </p:nvSpPr>
          <p:spPr>
            <a:xfrm>
              <a:off x="1198245" y="1809405"/>
              <a:ext cx="3099435" cy="584775"/>
            </a:xfrm>
            <a:prstGeom prst="rect">
              <a:avLst/>
            </a:prstGeom>
            <a:noFill/>
          </p:spPr>
          <p:txBody>
            <a:bodyPr wrap="square" lIns="91440" tIns="45720" rIns="91440" bIns="45720" anchor="t">
              <a:spAutoFit/>
            </a:bodyPr>
            <a:lstStyle/>
            <a:p>
              <a:pPr>
                <a:defRPr/>
              </a:pPr>
              <a:r>
                <a:rPr lang="en-IN" sz="1600"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rPr>
                <a:t>Articulate Storyline360</a:t>
              </a:r>
            </a:p>
            <a:p>
              <a:pPr marL="0" marR="0" lvl="0" indent="0" algn="l" defTabSz="91440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lang="en-IN" sz="16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grpSp>
          <p:nvGrpSpPr>
            <p:cNvPr id="11" name="Group 10">
              <a:extLst>
                <a:ext uri="{FF2B5EF4-FFF2-40B4-BE49-F238E27FC236}">
                  <a16:creationId xmlns:a16="http://schemas.microsoft.com/office/drawing/2014/main" id="{0F47176B-6B10-2AA7-3116-B9A6D8195661}"/>
                </a:ext>
              </a:extLst>
            </p:cNvPr>
            <p:cNvGrpSpPr/>
            <p:nvPr/>
          </p:nvGrpSpPr>
          <p:grpSpPr>
            <a:xfrm>
              <a:off x="1274445" y="2147960"/>
              <a:ext cx="1887855" cy="45720"/>
              <a:chOff x="1249680" y="2606040"/>
              <a:chExt cx="1887855" cy="45720"/>
            </a:xfrm>
          </p:grpSpPr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7D361BDC-62BD-668D-6766-0E25AF085490}"/>
                  </a:ext>
                </a:extLst>
              </p:cNvPr>
              <p:cNvSpPr/>
              <p:nvPr/>
            </p:nvSpPr>
            <p:spPr>
              <a:xfrm>
                <a:off x="1249680" y="2606040"/>
                <a:ext cx="1887855" cy="45720"/>
              </a:xfrm>
              <a:prstGeom prst="roundRect">
                <a:avLst>
                  <a:gd name="adj" fmla="val 50000"/>
                </a:avLst>
              </a:prstGeom>
              <a:solidFill>
                <a:schemeClr val="tx1">
                  <a:lumMod val="85000"/>
                  <a:lumOff val="1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 dirty="0">
                  <a:solidFill>
                    <a:schemeClr val="tx1"/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endParaRPr>
              </a:p>
            </p:txBody>
          </p:sp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B472715-8343-B8CA-C5E6-5292A1711530}"/>
                  </a:ext>
                </a:extLst>
              </p:cNvPr>
              <p:cNvSpPr/>
              <p:nvPr/>
            </p:nvSpPr>
            <p:spPr>
              <a:xfrm>
                <a:off x="2750185" y="2606041"/>
                <a:ext cx="387350" cy="45719"/>
              </a:xfrm>
              <a:prstGeom prst="roundRect">
                <a:avLst>
                  <a:gd name="adj" fmla="val 50000"/>
                </a:avLst>
              </a:prstGeom>
              <a:solidFill>
                <a:schemeClr val="tx1">
                  <a:lumMod val="50000"/>
                  <a:lumOff val="5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>
                  <a:solidFill>
                    <a:schemeClr val="tx1"/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endParaRPr>
              </a:p>
            </p:txBody>
          </p:sp>
        </p:grpSp>
      </p:grpSp>
      <p:grpSp>
        <p:nvGrpSpPr>
          <p:cNvPr id="39" name="Group 38">
            <a:extLst>
              <a:ext uri="{FF2B5EF4-FFF2-40B4-BE49-F238E27FC236}">
                <a16:creationId xmlns:a16="http://schemas.microsoft.com/office/drawing/2014/main" id="{3F89FAA2-0C7F-1C59-FA71-A5FCC48804C2}"/>
              </a:ext>
            </a:extLst>
          </p:cNvPr>
          <p:cNvGrpSpPr/>
          <p:nvPr/>
        </p:nvGrpSpPr>
        <p:grpSpPr>
          <a:xfrm>
            <a:off x="725805" y="3184295"/>
            <a:ext cx="3571875" cy="415087"/>
            <a:chOff x="725805" y="3249151"/>
            <a:chExt cx="3571875" cy="415087"/>
          </a:xfrm>
        </p:grpSpPr>
        <p:sp>
          <p:nvSpPr>
            <p:cNvPr id="17" name="Rectangle 16">
              <a:extLst>
                <a:ext uri="{FF2B5EF4-FFF2-40B4-BE49-F238E27FC236}">
                  <a16:creationId xmlns:a16="http://schemas.microsoft.com/office/drawing/2014/main" id="{9DD99E5E-3CB2-678C-E600-E3D8A7253706}"/>
                </a:ext>
              </a:extLst>
            </p:cNvPr>
            <p:cNvSpPr/>
            <p:nvPr/>
          </p:nvSpPr>
          <p:spPr>
            <a:xfrm>
              <a:off x="725805" y="3288318"/>
              <a:ext cx="442595" cy="375920"/>
            </a:xfrm>
            <a:prstGeom prst="rect">
              <a:avLst/>
            </a:prstGeom>
            <a:solidFill>
              <a:schemeClr val="bg1">
                <a:lumMod val="85000"/>
              </a:schemeClr>
            </a:solidFill>
            <a:ln w="28575">
              <a:solidFill>
                <a:schemeClr val="bg1">
                  <a:lumMod val="75000"/>
                </a:schemeClr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IN" err="1">
                  <a:solidFill>
                    <a:schemeClr val="tx1"/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rPr>
                <a:t>Pr</a:t>
              </a:r>
              <a:endParaRPr lang="en-IN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sp>
          <p:nvSpPr>
            <p:cNvPr id="18" name="TextBox 17">
              <a:extLst>
                <a:ext uri="{FF2B5EF4-FFF2-40B4-BE49-F238E27FC236}">
                  <a16:creationId xmlns:a16="http://schemas.microsoft.com/office/drawing/2014/main" id="{0A9345D2-159E-21C8-861D-E289E5E9AFA1}"/>
                </a:ext>
              </a:extLst>
            </p:cNvPr>
            <p:cNvSpPr txBox="1"/>
            <p:nvPr/>
          </p:nvSpPr>
          <p:spPr>
            <a:xfrm>
              <a:off x="1198245" y="3249151"/>
              <a:ext cx="3099435" cy="338554"/>
            </a:xfrm>
            <a:prstGeom prst="rect">
              <a:avLst/>
            </a:prstGeom>
            <a:noFill/>
          </p:spPr>
          <p:txBody>
            <a:bodyPr wrap="square" lIns="91440" tIns="45720" rIns="91440" bIns="45720" anchor="t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IN" sz="1600" dirty="0"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rPr>
                <a:t>Adobe Premiere Pro</a:t>
              </a:r>
            </a:p>
          </p:txBody>
        </p:sp>
        <p:grpSp>
          <p:nvGrpSpPr>
            <p:cNvPr id="19" name="Group 18">
              <a:extLst>
                <a:ext uri="{FF2B5EF4-FFF2-40B4-BE49-F238E27FC236}">
                  <a16:creationId xmlns:a16="http://schemas.microsoft.com/office/drawing/2014/main" id="{E5B85B13-7FB5-9920-EAE3-6E13B85DC3E6}"/>
                </a:ext>
              </a:extLst>
            </p:cNvPr>
            <p:cNvGrpSpPr/>
            <p:nvPr/>
          </p:nvGrpSpPr>
          <p:grpSpPr>
            <a:xfrm>
              <a:off x="1274445" y="3587706"/>
              <a:ext cx="1887855" cy="45720"/>
              <a:chOff x="1249680" y="2606040"/>
              <a:chExt cx="1887855" cy="45720"/>
            </a:xfrm>
          </p:grpSpPr>
          <p:sp>
            <p:nvSpPr>
              <p:cNvPr id="20" name="Rectangle: Rounded Corners 19">
                <a:extLst>
                  <a:ext uri="{FF2B5EF4-FFF2-40B4-BE49-F238E27FC236}">
                    <a16:creationId xmlns:a16="http://schemas.microsoft.com/office/drawing/2014/main" id="{A9851612-AAB5-9451-258E-3FD6D59C9C94}"/>
                  </a:ext>
                </a:extLst>
              </p:cNvPr>
              <p:cNvSpPr/>
              <p:nvPr/>
            </p:nvSpPr>
            <p:spPr>
              <a:xfrm>
                <a:off x="1249680" y="2606040"/>
                <a:ext cx="1887855" cy="45720"/>
              </a:xfrm>
              <a:prstGeom prst="roundRect">
                <a:avLst>
                  <a:gd name="adj" fmla="val 50000"/>
                </a:avLst>
              </a:prstGeom>
              <a:solidFill>
                <a:schemeClr val="tx1">
                  <a:lumMod val="85000"/>
                  <a:lumOff val="1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>
                  <a:solidFill>
                    <a:schemeClr val="tx1"/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endParaRPr>
              </a:p>
            </p:txBody>
          </p:sp>
          <p:sp>
            <p:nvSpPr>
              <p:cNvPr id="21" name="Rectangle: Rounded Corners 20">
                <a:extLst>
                  <a:ext uri="{FF2B5EF4-FFF2-40B4-BE49-F238E27FC236}">
                    <a16:creationId xmlns:a16="http://schemas.microsoft.com/office/drawing/2014/main" id="{77623E11-DCA3-5A0E-62A2-1701CDCC11DA}"/>
                  </a:ext>
                </a:extLst>
              </p:cNvPr>
              <p:cNvSpPr/>
              <p:nvPr/>
            </p:nvSpPr>
            <p:spPr>
              <a:xfrm>
                <a:off x="2516505" y="2606041"/>
                <a:ext cx="621030" cy="45719"/>
              </a:xfrm>
              <a:prstGeom prst="roundRect">
                <a:avLst>
                  <a:gd name="adj" fmla="val 50000"/>
                </a:avLst>
              </a:prstGeom>
              <a:solidFill>
                <a:schemeClr val="bg1">
                  <a:lumMod val="5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>
                  <a:solidFill>
                    <a:schemeClr val="tx1"/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endParaRPr>
              </a:p>
            </p:txBody>
          </p:sp>
        </p:grpSp>
      </p:grpSp>
      <p:grpSp>
        <p:nvGrpSpPr>
          <p:cNvPr id="42" name="Group 41">
            <a:extLst>
              <a:ext uri="{FF2B5EF4-FFF2-40B4-BE49-F238E27FC236}">
                <a16:creationId xmlns:a16="http://schemas.microsoft.com/office/drawing/2014/main" id="{148D969C-C617-2D6C-BD4A-CCD3BD5173B6}"/>
              </a:ext>
            </a:extLst>
          </p:cNvPr>
          <p:cNvGrpSpPr/>
          <p:nvPr/>
        </p:nvGrpSpPr>
        <p:grpSpPr>
          <a:xfrm>
            <a:off x="725805" y="3881900"/>
            <a:ext cx="3571875" cy="415087"/>
            <a:chOff x="725805" y="3921948"/>
            <a:chExt cx="3571875" cy="415087"/>
          </a:xfrm>
        </p:grpSpPr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DD3344C2-CA07-429C-3E8C-D2B49FC9947E}"/>
                </a:ext>
              </a:extLst>
            </p:cNvPr>
            <p:cNvSpPr txBox="1"/>
            <p:nvPr/>
          </p:nvSpPr>
          <p:spPr>
            <a:xfrm>
              <a:off x="1198245" y="3921948"/>
              <a:ext cx="3099435" cy="338554"/>
            </a:xfrm>
            <a:prstGeom prst="rect">
              <a:avLst/>
            </a:prstGeom>
            <a:noFill/>
          </p:spPr>
          <p:txBody>
            <a:bodyPr wrap="square" lIns="91440" tIns="45720" rIns="91440" bIns="45720" anchor="t">
              <a:spAutoFit/>
            </a:bodyPr>
            <a:lstStyle/>
            <a:p>
              <a:pPr>
                <a:defRPr/>
              </a:pPr>
              <a:r>
                <a:rPr lang="en-IN" sz="1600"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rPr>
                <a:t>Adobe Photoshop CC </a:t>
              </a:r>
              <a:endParaRPr lang="en-US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sp>
          <p:nvSpPr>
            <p:cNvPr id="22" name="Rectangle 21">
              <a:extLst>
                <a:ext uri="{FF2B5EF4-FFF2-40B4-BE49-F238E27FC236}">
                  <a16:creationId xmlns:a16="http://schemas.microsoft.com/office/drawing/2014/main" id="{18F9847D-A8D5-2ECE-A423-2884ED6EC8DE}"/>
                </a:ext>
              </a:extLst>
            </p:cNvPr>
            <p:cNvSpPr/>
            <p:nvPr/>
          </p:nvSpPr>
          <p:spPr>
            <a:xfrm>
              <a:off x="725805" y="3961115"/>
              <a:ext cx="442595" cy="375920"/>
            </a:xfrm>
            <a:prstGeom prst="rect">
              <a:avLst/>
            </a:prstGeom>
            <a:solidFill>
              <a:schemeClr val="bg1">
                <a:lumMod val="85000"/>
              </a:schemeClr>
            </a:solidFill>
            <a:ln w="28575">
              <a:solidFill>
                <a:schemeClr val="bg1">
                  <a:lumMod val="75000"/>
                </a:schemeClr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91440" tIns="45720" rIns="91440" bIns="45720" rtlCol="0" anchor="ctr"/>
            <a:lstStyle/>
            <a:p>
              <a:pPr algn="ctr"/>
              <a:r>
                <a:rPr lang="en-IN" sz="1600">
                  <a:solidFill>
                    <a:schemeClr val="tx1"/>
                  </a:solidFill>
                  <a:latin typeface="Roboto Light"/>
                  <a:ea typeface="Roboto Light"/>
                  <a:cs typeface="Roboto Light"/>
                </a:rPr>
                <a:t>Ps</a:t>
              </a:r>
              <a:endParaRPr lang="en-IN" sz="1600">
                <a:solidFill>
                  <a:schemeClr val="tx1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grpSp>
          <p:nvGrpSpPr>
            <p:cNvPr id="24" name="Group 23">
              <a:extLst>
                <a:ext uri="{FF2B5EF4-FFF2-40B4-BE49-F238E27FC236}">
                  <a16:creationId xmlns:a16="http://schemas.microsoft.com/office/drawing/2014/main" id="{3E666B8C-3744-F2C8-37CC-23400C9C9076}"/>
                </a:ext>
              </a:extLst>
            </p:cNvPr>
            <p:cNvGrpSpPr/>
            <p:nvPr/>
          </p:nvGrpSpPr>
          <p:grpSpPr>
            <a:xfrm>
              <a:off x="1274445" y="4260502"/>
              <a:ext cx="1887855" cy="45721"/>
              <a:chOff x="1249680" y="2606039"/>
              <a:chExt cx="1887855" cy="45721"/>
            </a:xfrm>
          </p:grpSpPr>
          <p:sp>
            <p:nvSpPr>
              <p:cNvPr id="25" name="Rectangle: Rounded Corners 24">
                <a:extLst>
                  <a:ext uri="{FF2B5EF4-FFF2-40B4-BE49-F238E27FC236}">
                    <a16:creationId xmlns:a16="http://schemas.microsoft.com/office/drawing/2014/main" id="{FDE847E0-9ED9-E19C-1F0B-1F3CACD4EBA0}"/>
                  </a:ext>
                </a:extLst>
              </p:cNvPr>
              <p:cNvSpPr/>
              <p:nvPr/>
            </p:nvSpPr>
            <p:spPr>
              <a:xfrm>
                <a:off x="1249680" y="2606040"/>
                <a:ext cx="1887855" cy="45720"/>
              </a:xfrm>
              <a:prstGeom prst="roundRect">
                <a:avLst>
                  <a:gd name="adj" fmla="val 50000"/>
                </a:avLst>
              </a:prstGeom>
              <a:solidFill>
                <a:schemeClr val="tx1">
                  <a:lumMod val="85000"/>
                  <a:lumOff val="1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>
                  <a:solidFill>
                    <a:schemeClr val="tx1"/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endParaRPr>
              </a:p>
            </p:txBody>
          </p:sp>
          <p:sp>
            <p:nvSpPr>
              <p:cNvPr id="26" name="Rectangle: Rounded Corners 25">
                <a:extLst>
                  <a:ext uri="{FF2B5EF4-FFF2-40B4-BE49-F238E27FC236}">
                    <a16:creationId xmlns:a16="http://schemas.microsoft.com/office/drawing/2014/main" id="{5680C075-E14D-B3F6-D8B2-5352CED38141}"/>
                  </a:ext>
                </a:extLst>
              </p:cNvPr>
              <p:cNvSpPr/>
              <p:nvPr/>
            </p:nvSpPr>
            <p:spPr>
              <a:xfrm>
                <a:off x="2644775" y="2606039"/>
                <a:ext cx="492760" cy="45721"/>
              </a:xfrm>
              <a:prstGeom prst="roundRect">
                <a:avLst>
                  <a:gd name="adj" fmla="val 50000"/>
                </a:avLst>
              </a:prstGeom>
              <a:solidFill>
                <a:schemeClr val="bg1">
                  <a:lumMod val="5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>
                  <a:solidFill>
                    <a:schemeClr val="tx1"/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endParaRPr>
              </a:p>
            </p:txBody>
          </p:sp>
        </p:grpSp>
      </p:grpSp>
      <p:grpSp>
        <p:nvGrpSpPr>
          <p:cNvPr id="37" name="Group 36">
            <a:extLst>
              <a:ext uri="{FF2B5EF4-FFF2-40B4-BE49-F238E27FC236}">
                <a16:creationId xmlns:a16="http://schemas.microsoft.com/office/drawing/2014/main" id="{EA027F81-48DC-0703-16F6-F077453C186A}"/>
              </a:ext>
            </a:extLst>
          </p:cNvPr>
          <p:cNvGrpSpPr/>
          <p:nvPr/>
        </p:nvGrpSpPr>
        <p:grpSpPr>
          <a:xfrm>
            <a:off x="725805" y="4579504"/>
            <a:ext cx="3023235" cy="415087"/>
            <a:chOff x="725805" y="4579504"/>
            <a:chExt cx="3023235" cy="415087"/>
          </a:xfrm>
        </p:grpSpPr>
        <p:sp>
          <p:nvSpPr>
            <p:cNvPr id="27" name="Rectangle 26">
              <a:extLst>
                <a:ext uri="{FF2B5EF4-FFF2-40B4-BE49-F238E27FC236}">
                  <a16:creationId xmlns:a16="http://schemas.microsoft.com/office/drawing/2014/main" id="{5DCD43F3-6FF6-3022-AD07-5B63B05071F6}"/>
                </a:ext>
              </a:extLst>
            </p:cNvPr>
            <p:cNvSpPr/>
            <p:nvPr/>
          </p:nvSpPr>
          <p:spPr>
            <a:xfrm>
              <a:off x="725805" y="4618671"/>
              <a:ext cx="442595" cy="375920"/>
            </a:xfrm>
            <a:prstGeom prst="rect">
              <a:avLst/>
            </a:prstGeom>
            <a:solidFill>
              <a:schemeClr val="bg1">
                <a:lumMod val="85000"/>
              </a:schemeClr>
            </a:solidFill>
            <a:ln w="28575">
              <a:solidFill>
                <a:schemeClr val="bg1">
                  <a:lumMod val="75000"/>
                </a:schemeClr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91440" tIns="45720" rIns="91440" bIns="45720" rtlCol="0" anchor="ctr"/>
            <a:lstStyle/>
            <a:p>
              <a:pPr algn="ctr"/>
              <a:r>
                <a:rPr lang="en-IN">
                  <a:solidFill>
                    <a:schemeClr val="tx1"/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rPr>
                <a:t>Ai</a:t>
              </a:r>
            </a:p>
          </p:txBody>
        </p:sp>
        <p:sp>
          <p:nvSpPr>
            <p:cNvPr id="28" name="TextBox 27">
              <a:extLst>
                <a:ext uri="{FF2B5EF4-FFF2-40B4-BE49-F238E27FC236}">
                  <a16:creationId xmlns:a16="http://schemas.microsoft.com/office/drawing/2014/main" id="{A61D07C5-3943-CE15-D294-7494A7AFDEDD}"/>
                </a:ext>
              </a:extLst>
            </p:cNvPr>
            <p:cNvSpPr txBox="1"/>
            <p:nvPr/>
          </p:nvSpPr>
          <p:spPr>
            <a:xfrm>
              <a:off x="1198245" y="4579504"/>
              <a:ext cx="2550795" cy="338554"/>
            </a:xfrm>
            <a:prstGeom prst="rect">
              <a:avLst/>
            </a:prstGeom>
            <a:noFill/>
          </p:spPr>
          <p:txBody>
            <a:bodyPr wrap="square" lIns="91440" tIns="45720" rIns="91440" bIns="45720" anchor="t">
              <a:spAutoFit/>
            </a:bodyPr>
            <a:lstStyle/>
            <a:p>
              <a:pPr>
                <a:defRPr/>
              </a:pPr>
              <a:r>
                <a:rPr lang="en-IN" sz="1600"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rPr>
                <a:t>Adobe Illustrator CC </a:t>
              </a:r>
              <a:endParaRPr lang="en-US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grpSp>
          <p:nvGrpSpPr>
            <p:cNvPr id="29" name="Group 28">
              <a:extLst>
                <a:ext uri="{FF2B5EF4-FFF2-40B4-BE49-F238E27FC236}">
                  <a16:creationId xmlns:a16="http://schemas.microsoft.com/office/drawing/2014/main" id="{B5946A69-AFE7-154A-CD7B-A2E1ED58C524}"/>
                </a:ext>
              </a:extLst>
            </p:cNvPr>
            <p:cNvGrpSpPr/>
            <p:nvPr/>
          </p:nvGrpSpPr>
          <p:grpSpPr>
            <a:xfrm>
              <a:off x="1274445" y="4918059"/>
              <a:ext cx="1887855" cy="45720"/>
              <a:chOff x="1249680" y="2606040"/>
              <a:chExt cx="1887855" cy="45720"/>
            </a:xfrm>
          </p:grpSpPr>
          <p:sp>
            <p:nvSpPr>
              <p:cNvPr id="30" name="Rectangle: Rounded Corners 29">
                <a:extLst>
                  <a:ext uri="{FF2B5EF4-FFF2-40B4-BE49-F238E27FC236}">
                    <a16:creationId xmlns:a16="http://schemas.microsoft.com/office/drawing/2014/main" id="{02FDEDF4-E7D9-D6EA-5825-6F3FBD11823F}"/>
                  </a:ext>
                </a:extLst>
              </p:cNvPr>
              <p:cNvSpPr/>
              <p:nvPr/>
            </p:nvSpPr>
            <p:spPr>
              <a:xfrm>
                <a:off x="1249680" y="2606040"/>
                <a:ext cx="1887855" cy="45720"/>
              </a:xfrm>
              <a:prstGeom prst="roundRect">
                <a:avLst>
                  <a:gd name="adj" fmla="val 50000"/>
                </a:avLst>
              </a:prstGeom>
              <a:solidFill>
                <a:schemeClr val="tx1">
                  <a:lumMod val="85000"/>
                  <a:lumOff val="1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>
                  <a:solidFill>
                    <a:schemeClr val="tx1"/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endParaRPr>
              </a:p>
            </p:txBody>
          </p:sp>
          <p:sp>
            <p:nvSpPr>
              <p:cNvPr id="31" name="Rectangle: Rounded Corners 30">
                <a:extLst>
                  <a:ext uri="{FF2B5EF4-FFF2-40B4-BE49-F238E27FC236}">
                    <a16:creationId xmlns:a16="http://schemas.microsoft.com/office/drawing/2014/main" id="{0E0E1B2F-056A-0092-0559-43097C58F4D5}"/>
                  </a:ext>
                </a:extLst>
              </p:cNvPr>
              <p:cNvSpPr/>
              <p:nvPr/>
            </p:nvSpPr>
            <p:spPr>
              <a:xfrm flipV="1">
                <a:off x="2644775" y="2606040"/>
                <a:ext cx="492760" cy="45719"/>
              </a:xfrm>
              <a:prstGeom prst="roundRect">
                <a:avLst>
                  <a:gd name="adj" fmla="val 50000"/>
                </a:avLst>
              </a:prstGeom>
              <a:solidFill>
                <a:schemeClr val="bg1">
                  <a:lumMod val="5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>
                  <a:solidFill>
                    <a:schemeClr val="tx1"/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endParaRPr>
              </a:p>
            </p:txBody>
          </p:sp>
        </p:grpSp>
      </p:grpSp>
      <p:cxnSp>
        <p:nvCxnSpPr>
          <p:cNvPr id="33" name="Straight Connector 32">
            <a:extLst>
              <a:ext uri="{FF2B5EF4-FFF2-40B4-BE49-F238E27FC236}">
                <a16:creationId xmlns:a16="http://schemas.microsoft.com/office/drawing/2014/main" id="{CAD5F559-DDB6-E16C-745D-4DD424E0CB4F}"/>
              </a:ext>
            </a:extLst>
          </p:cNvPr>
          <p:cNvCxnSpPr>
            <a:cxnSpLocks/>
          </p:cNvCxnSpPr>
          <p:nvPr/>
        </p:nvCxnSpPr>
        <p:spPr>
          <a:xfrm>
            <a:off x="695325" y="2438400"/>
            <a:ext cx="4211955" cy="0"/>
          </a:xfrm>
          <a:prstGeom prst="line">
            <a:avLst/>
          </a:prstGeom>
          <a:ln w="635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43" name="Group 42">
            <a:extLst>
              <a:ext uri="{FF2B5EF4-FFF2-40B4-BE49-F238E27FC236}">
                <a16:creationId xmlns:a16="http://schemas.microsoft.com/office/drawing/2014/main" id="{12966E18-60B1-91DF-A57B-A5E35F7947A2}"/>
              </a:ext>
            </a:extLst>
          </p:cNvPr>
          <p:cNvGrpSpPr/>
          <p:nvPr/>
        </p:nvGrpSpPr>
        <p:grpSpPr>
          <a:xfrm>
            <a:off x="725805" y="2507010"/>
            <a:ext cx="3571875" cy="584775"/>
            <a:chOff x="756285" y="2478550"/>
            <a:chExt cx="3571875" cy="584775"/>
          </a:xfrm>
        </p:grpSpPr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1A677C09-9317-B230-002E-CF07859DD0DC}"/>
                </a:ext>
              </a:extLst>
            </p:cNvPr>
            <p:cNvSpPr/>
            <p:nvPr/>
          </p:nvSpPr>
          <p:spPr>
            <a:xfrm>
              <a:off x="756285" y="2497397"/>
              <a:ext cx="442595" cy="375920"/>
            </a:xfrm>
            <a:prstGeom prst="rect">
              <a:avLst/>
            </a:prstGeom>
            <a:solidFill>
              <a:schemeClr val="bg1">
                <a:lumMod val="85000"/>
              </a:schemeClr>
            </a:solidFill>
            <a:ln w="28575">
              <a:solidFill>
                <a:schemeClr val="bg1">
                  <a:lumMod val="75000"/>
                </a:schemeClr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91440" tIns="45720" rIns="91440" bIns="45720" rtlCol="0" anchor="ctr"/>
            <a:lstStyle/>
            <a:p>
              <a:pPr algn="ctr"/>
              <a:r>
                <a:rPr lang="en-IN">
                  <a:solidFill>
                    <a:schemeClr val="tx1">
                      <a:lumMod val="75000"/>
                      <a:lumOff val="25000"/>
                    </a:schemeClr>
                  </a:solidFill>
                  <a:latin typeface="Roboto Light" panose="02000000000000000000" pitchFamily="2" charset="0"/>
                  <a:ea typeface="Roboto Light" panose="02000000000000000000" pitchFamily="2" charset="0"/>
                  <a:cs typeface="Roboto Light" panose="02000000000000000000" pitchFamily="2" charset="0"/>
                </a:rPr>
                <a:t>A</a:t>
              </a:r>
              <a:endParaRPr lang="en-US">
                <a:solidFill>
                  <a:schemeClr val="tx1">
                    <a:lumMod val="75000"/>
                    <a:lumOff val="25000"/>
                  </a:schemeClr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92A8DEEE-B023-D260-9BC7-B913D3ADED26}"/>
                </a:ext>
              </a:extLst>
            </p:cNvPr>
            <p:cNvSpPr txBox="1"/>
            <p:nvPr/>
          </p:nvSpPr>
          <p:spPr>
            <a:xfrm>
              <a:off x="1228725" y="2478550"/>
              <a:ext cx="3099435" cy="584775"/>
            </a:xfrm>
            <a:prstGeom prst="rect">
              <a:avLst/>
            </a:prstGeom>
            <a:noFill/>
          </p:spPr>
          <p:txBody>
            <a:bodyPr wrap="square" lIns="91440" tIns="45720" rIns="91440" bIns="45720" anchor="t">
              <a:spAutoFit/>
            </a:bodyPr>
            <a:lstStyle/>
            <a:p>
              <a:pPr>
                <a:defRPr/>
              </a:pPr>
              <a:r>
                <a:rPr lang="en-IN" sz="1600" dirty="0">
                  <a:latin typeface="Roboto Light"/>
                  <a:ea typeface="Roboto Light"/>
                  <a:cs typeface="Roboto Light"/>
                </a:rPr>
                <a:t>Articulate Rise</a:t>
              </a:r>
            </a:p>
            <a:p>
              <a:pPr marL="0" marR="0" lvl="0" indent="0" algn="l" defTabSz="91440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lang="en-IN" sz="1600" dirty="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endParaRPr>
            </a:p>
          </p:txBody>
        </p:sp>
        <p:grpSp>
          <p:nvGrpSpPr>
            <p:cNvPr id="14" name="Group 13">
              <a:extLst>
                <a:ext uri="{FF2B5EF4-FFF2-40B4-BE49-F238E27FC236}">
                  <a16:creationId xmlns:a16="http://schemas.microsoft.com/office/drawing/2014/main" id="{554021C4-42A6-FAA8-602F-4A9A11A16FA0}"/>
                </a:ext>
              </a:extLst>
            </p:cNvPr>
            <p:cNvGrpSpPr/>
            <p:nvPr/>
          </p:nvGrpSpPr>
          <p:grpSpPr>
            <a:xfrm>
              <a:off x="1304925" y="2796785"/>
              <a:ext cx="1908000" cy="45720"/>
              <a:chOff x="1249680" y="2606040"/>
              <a:chExt cx="1908000" cy="45720"/>
            </a:xfrm>
          </p:grpSpPr>
          <p:sp>
            <p:nvSpPr>
              <p:cNvPr id="15" name="Rectangle: Rounded Corners 14">
                <a:extLst>
                  <a:ext uri="{FF2B5EF4-FFF2-40B4-BE49-F238E27FC236}">
                    <a16:creationId xmlns:a16="http://schemas.microsoft.com/office/drawing/2014/main" id="{88657EFA-6729-8D9C-2748-5062677F331B}"/>
                  </a:ext>
                </a:extLst>
              </p:cNvPr>
              <p:cNvSpPr/>
              <p:nvPr/>
            </p:nvSpPr>
            <p:spPr>
              <a:xfrm>
                <a:off x="1249680" y="2606040"/>
                <a:ext cx="1908000" cy="45720"/>
              </a:xfrm>
              <a:prstGeom prst="roundRect">
                <a:avLst>
                  <a:gd name="adj" fmla="val 50000"/>
                </a:avLst>
              </a:prstGeom>
              <a:solidFill>
                <a:schemeClr val="tx1">
                  <a:lumMod val="85000"/>
                  <a:lumOff val="1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>
                  <a:solidFill>
                    <a:schemeClr val="tx1"/>
                  </a:solidFill>
                </a:endParaRPr>
              </a:p>
            </p:txBody>
          </p:sp>
          <p:sp>
            <p:nvSpPr>
              <p:cNvPr id="16" name="Rectangle: Rounded Corners 15">
                <a:extLst>
                  <a:ext uri="{FF2B5EF4-FFF2-40B4-BE49-F238E27FC236}">
                    <a16:creationId xmlns:a16="http://schemas.microsoft.com/office/drawing/2014/main" id="{5BBCB12C-FAA0-05A8-9305-E24AA73092A4}"/>
                  </a:ext>
                </a:extLst>
              </p:cNvPr>
              <p:cNvSpPr/>
              <p:nvPr/>
            </p:nvSpPr>
            <p:spPr>
              <a:xfrm flipV="1">
                <a:off x="2761680" y="2606040"/>
                <a:ext cx="396000" cy="45719"/>
              </a:xfrm>
              <a:prstGeom prst="roundRect">
                <a:avLst>
                  <a:gd name="adj" fmla="val 50000"/>
                </a:avLst>
              </a:prstGeom>
              <a:solidFill>
                <a:schemeClr val="bg1">
                  <a:lumMod val="5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N">
                  <a:solidFill>
                    <a:schemeClr val="tx1"/>
                  </a:solidFill>
                </a:endParaRPr>
              </a:p>
            </p:txBody>
          </p:sp>
        </p:grpSp>
      </p:grpSp>
      <p:cxnSp>
        <p:nvCxnSpPr>
          <p:cNvPr id="34" name="Straight Connector 33">
            <a:extLst>
              <a:ext uri="{FF2B5EF4-FFF2-40B4-BE49-F238E27FC236}">
                <a16:creationId xmlns:a16="http://schemas.microsoft.com/office/drawing/2014/main" id="{D66D8B9C-4382-2AEE-CE8B-D405ACFDC9E0}"/>
              </a:ext>
            </a:extLst>
          </p:cNvPr>
          <p:cNvCxnSpPr>
            <a:cxnSpLocks/>
          </p:cNvCxnSpPr>
          <p:nvPr/>
        </p:nvCxnSpPr>
        <p:spPr>
          <a:xfrm>
            <a:off x="725805" y="3058275"/>
            <a:ext cx="4211955" cy="0"/>
          </a:xfrm>
          <a:prstGeom prst="line">
            <a:avLst/>
          </a:prstGeom>
          <a:ln w="635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5" name="Straight Connector 34">
            <a:extLst>
              <a:ext uri="{FF2B5EF4-FFF2-40B4-BE49-F238E27FC236}">
                <a16:creationId xmlns:a16="http://schemas.microsoft.com/office/drawing/2014/main" id="{98EBC060-6253-646B-8180-D53E79EE3071}"/>
              </a:ext>
            </a:extLst>
          </p:cNvPr>
          <p:cNvCxnSpPr>
            <a:cxnSpLocks/>
          </p:cNvCxnSpPr>
          <p:nvPr/>
        </p:nvCxnSpPr>
        <p:spPr>
          <a:xfrm>
            <a:off x="695325" y="3776230"/>
            <a:ext cx="4211955" cy="0"/>
          </a:xfrm>
          <a:prstGeom prst="line">
            <a:avLst/>
          </a:prstGeom>
          <a:ln w="635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6" name="Straight Connector 35">
            <a:extLst>
              <a:ext uri="{FF2B5EF4-FFF2-40B4-BE49-F238E27FC236}">
                <a16:creationId xmlns:a16="http://schemas.microsoft.com/office/drawing/2014/main" id="{6B1A1804-83D0-D7FC-6582-0E0952BE2439}"/>
              </a:ext>
            </a:extLst>
          </p:cNvPr>
          <p:cNvCxnSpPr>
            <a:cxnSpLocks/>
          </p:cNvCxnSpPr>
          <p:nvPr/>
        </p:nvCxnSpPr>
        <p:spPr>
          <a:xfrm>
            <a:off x="695325" y="4475624"/>
            <a:ext cx="4211955" cy="0"/>
          </a:xfrm>
          <a:prstGeom prst="line">
            <a:avLst/>
          </a:prstGeom>
          <a:ln w="635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695182756"/>
      </p:ext>
    </p:extLst>
  </p:cSld>
  <p:clrMapOvr>
    <a:masterClrMapping/>
  </p:clrMapOvr>
  <p:transition spd="slow">
    <p:push dir="u"/>
  </p:transition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0E42AA4F-26F6-DEAD-83B8-96A6304075EF}"/>
              </a:ext>
            </a:extLst>
          </p:cNvPr>
          <p:cNvSpPr txBox="1"/>
          <p:nvPr/>
        </p:nvSpPr>
        <p:spPr>
          <a:xfrm>
            <a:off x="1125254" y="2143482"/>
            <a:ext cx="8808652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>
              <a:defRPr/>
            </a:pPr>
            <a:r>
              <a:rPr lang="en-US" sz="6600" b="1">
                <a:solidFill>
                  <a:srgbClr val="FD0014"/>
                </a:solidFill>
                <a:latin typeface="Roboto" panose="02000000000000000000" pitchFamily="2" charset="0"/>
                <a:ea typeface="Roboto" panose="02000000000000000000" pitchFamily="2" charset="0"/>
                <a:cs typeface="Roboto" panose="02000000000000000000" pitchFamily="2" charset="0"/>
              </a:rPr>
              <a:t>Showcase…</a:t>
            </a:r>
            <a:endParaRPr kumimoji="0" lang="en-US" sz="6600" b="1" i="0" u="none" strike="noStrike" kern="1200" cap="none" spc="0" normalizeH="0" baseline="0" noProof="0">
              <a:ln>
                <a:noFill/>
              </a:ln>
              <a:solidFill>
                <a:srgbClr val="FD001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  <a:cs typeface="Roboto" panose="02000000000000000000" pitchFamily="2" charset="0"/>
            </a:endParaRPr>
          </a:p>
        </p:txBody>
      </p:sp>
      <p:sp>
        <p:nvSpPr>
          <p:cNvPr id="7" name="TextBox 4">
            <a:extLst>
              <a:ext uri="{FF2B5EF4-FFF2-40B4-BE49-F238E27FC236}">
                <a16:creationId xmlns:a16="http://schemas.microsoft.com/office/drawing/2014/main" id="{7EF66644-1C8A-EDEE-1F42-3D1CA7481D4D}"/>
              </a:ext>
            </a:extLst>
          </p:cNvPr>
          <p:cNvSpPr txBox="1"/>
          <p:nvPr/>
        </p:nvSpPr>
        <p:spPr>
          <a:xfrm>
            <a:off x="1125254" y="3264676"/>
            <a:ext cx="8808652" cy="830997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pPr lvl="0">
              <a:defRPr/>
            </a:pPr>
            <a:r>
              <a:rPr lang="en-US" sz="2400" b="1">
                <a:solidFill>
                  <a:schemeClr val="tx1">
                    <a:lumMod val="85000"/>
                    <a:lumOff val="15000"/>
                  </a:schemeClr>
                </a:solidFill>
                <a:latin typeface="Roboto Light"/>
                <a:ea typeface="Roboto Light"/>
                <a:cs typeface="Roboto Light"/>
              </a:rPr>
              <a:t>Showcasing my expertise through a curated selection of impactful projects and innovative solutions.</a:t>
            </a:r>
            <a:endParaRPr lang="en-US" b="1">
              <a:solidFill>
                <a:schemeClr val="tx1">
                  <a:lumMod val="85000"/>
                  <a:lumOff val="15000"/>
                </a:schemeClr>
              </a:solidFill>
              <a:latin typeface="Aptos"/>
              <a:ea typeface="Roboto Light"/>
              <a:cs typeface="Roboto Ligh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58198339"/>
      </p:ext>
    </p:extLst>
  </p:cSld>
  <p:clrMapOvr>
    <a:masterClrMapping/>
  </p:clrMapOvr>
  <p:transition spd="slow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de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decel="10000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7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8" name="Group 17">
            <a:extLst>
              <a:ext uri="{FF2B5EF4-FFF2-40B4-BE49-F238E27FC236}">
                <a16:creationId xmlns:a16="http://schemas.microsoft.com/office/drawing/2014/main" id="{9D0722C5-E372-401E-AFEF-5FE53E03F1C8}"/>
              </a:ext>
            </a:extLst>
          </p:cNvPr>
          <p:cNvGrpSpPr/>
          <p:nvPr/>
        </p:nvGrpSpPr>
        <p:grpSpPr>
          <a:xfrm>
            <a:off x="-9525" y="4699308"/>
            <a:ext cx="11456367" cy="1447800"/>
            <a:chOff x="40308" y="4699308"/>
            <a:chExt cx="11456367" cy="1447800"/>
          </a:xfrm>
        </p:grpSpPr>
        <p:sp>
          <p:nvSpPr>
            <p:cNvPr id="19" name="Rectangle 18">
              <a:extLst>
                <a:ext uri="{FF2B5EF4-FFF2-40B4-BE49-F238E27FC236}">
                  <a16:creationId xmlns:a16="http://schemas.microsoft.com/office/drawing/2014/main" id="{FC2CD65E-16F1-467B-9736-51236A147B54}"/>
                </a:ext>
              </a:extLst>
            </p:cNvPr>
            <p:cNvSpPr/>
            <p:nvPr/>
          </p:nvSpPr>
          <p:spPr>
            <a:xfrm>
              <a:off x="1568723" y="4699308"/>
              <a:ext cx="9927952" cy="1447800"/>
            </a:xfrm>
            <a:prstGeom prst="rect">
              <a:avLst/>
            </a:pr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  <p:sp>
          <p:nvSpPr>
            <p:cNvPr id="20" name="Rectangle 19">
              <a:extLst>
                <a:ext uri="{FF2B5EF4-FFF2-40B4-BE49-F238E27FC236}">
                  <a16:creationId xmlns:a16="http://schemas.microsoft.com/office/drawing/2014/main" id="{E36CF1C2-DB05-4097-93B1-2CC5FC7753DE}"/>
                </a:ext>
              </a:extLst>
            </p:cNvPr>
            <p:cNvSpPr/>
            <p:nvPr/>
          </p:nvSpPr>
          <p:spPr>
            <a:xfrm>
              <a:off x="40308" y="4699308"/>
              <a:ext cx="1447800" cy="1447800"/>
            </a:xfrm>
            <a:prstGeom prst="rect">
              <a:avLst/>
            </a:prstGeom>
            <a:solidFill>
              <a:srgbClr val="F64A46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N"/>
            </a:p>
          </p:txBody>
        </p:sp>
      </p:grpSp>
      <p:pic>
        <p:nvPicPr>
          <p:cNvPr id="21" name="Graphic 20">
            <a:extLst>
              <a:ext uri="{FF2B5EF4-FFF2-40B4-BE49-F238E27FC236}">
                <a16:creationId xmlns:a16="http://schemas.microsoft.com/office/drawing/2014/main" id="{DED38085-9CE5-436A-9F09-2933610B4FB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10376826" y="6297672"/>
            <a:ext cx="1070016" cy="199686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4C441934-D9AE-2E4C-750B-74892C9CA301}"/>
              </a:ext>
            </a:extLst>
          </p:cNvPr>
          <p:cNvSpPr txBox="1"/>
          <p:nvPr/>
        </p:nvSpPr>
        <p:spPr>
          <a:xfrm>
            <a:off x="1764969" y="5192376"/>
            <a:ext cx="528540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en-IN" sz="2400" b="1" i="0">
                <a:solidFill>
                  <a:schemeClr val="bg1"/>
                </a:solidFill>
                <a:effectLst/>
                <a:latin typeface="Segoe UI" panose="020B0502040204020203" pitchFamily="34" charset="0"/>
              </a:rPr>
              <a:t>Level 3 Interactivitie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26799226"/>
      </p:ext>
    </p:extLst>
  </p:cSld>
  <p:clrMapOvr>
    <a:masterClrMapping/>
  </p:clrMapOvr>
  <p:transition spd="slow">
    <p:push dir="u"/>
  </p:transition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7">
            <a:extLst>
              <a:ext uri="{FF2B5EF4-FFF2-40B4-BE49-F238E27FC236}">
                <a16:creationId xmlns:a16="http://schemas.microsoft.com/office/drawing/2014/main" id="{E3AEC578-6473-8AB8-D005-AC3AF925588E}"/>
              </a:ext>
            </a:extLst>
          </p:cNvPr>
          <p:cNvSpPr txBox="1">
            <a:spLocks/>
          </p:cNvSpPr>
          <p:nvPr/>
        </p:nvSpPr>
        <p:spPr>
          <a:xfrm>
            <a:off x="637540" y="1340313"/>
            <a:ext cx="5331884" cy="1280968"/>
          </a:xfrm>
          <a:prstGeom prst="rect">
            <a:avLst/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is storyline course is created using the tools mentioned below.</a:t>
            </a:r>
          </a:p>
          <a:p>
            <a:pPr marL="0" indent="0">
              <a:buNone/>
            </a:pPr>
            <a:r>
              <a:rPr lang="en-US" sz="1400" b="1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ools:</a:t>
            </a:r>
          </a:p>
          <a:p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Storyline 360</a:t>
            </a:r>
          </a:p>
          <a:p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Photoshop CC</a:t>
            </a:r>
          </a:p>
        </p:txBody>
      </p:sp>
      <p:sp>
        <p:nvSpPr>
          <p:cNvPr id="13" name="Title 12">
            <a:extLst>
              <a:ext uri="{FF2B5EF4-FFF2-40B4-BE49-F238E27FC236}">
                <a16:creationId xmlns:a16="http://schemas.microsoft.com/office/drawing/2014/main" id="{5772062F-5BB5-B071-3C51-5E30CA9D13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IN"/>
              <a:t>Storyline Sample </a:t>
            </a:r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068C39B4-3218-4CDB-AFA2-42D88BE51CD5}"/>
              </a:ext>
            </a:extLst>
          </p:cNvPr>
          <p:cNvGrpSpPr/>
          <p:nvPr/>
        </p:nvGrpSpPr>
        <p:grpSpPr>
          <a:xfrm>
            <a:off x="6861039" y="1717040"/>
            <a:ext cx="4861823" cy="3004498"/>
            <a:chOff x="5143559" y="1717040"/>
            <a:chExt cx="6579303" cy="4065862"/>
          </a:xfrm>
        </p:grpSpPr>
        <p:pic>
          <p:nvPicPr>
            <p:cNvPr id="20" name="Graphic 19">
              <a:extLst>
                <a:ext uri="{FF2B5EF4-FFF2-40B4-BE49-F238E27FC236}">
                  <a16:creationId xmlns:a16="http://schemas.microsoft.com/office/drawing/2014/main" id="{53FBE91D-DD28-B808-8C36-77B1C96450D1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96DAC541-7B7A-43D3-8B79-37D633B846F1}">
                  <asvg:svgBlip xmlns:asvg="http://schemas.microsoft.com/office/drawing/2016/SVG/main" r:embed="rId4"/>
                </a:ext>
              </a:extLst>
            </a:blip>
            <a:stretch>
              <a:fillRect/>
            </a:stretch>
          </p:blipFill>
          <p:spPr>
            <a:xfrm>
              <a:off x="5143559" y="1717040"/>
              <a:ext cx="6579303" cy="4065862"/>
            </a:xfrm>
            <a:prstGeom prst="rect">
              <a:avLst/>
            </a:prstGeom>
          </p:spPr>
        </p:pic>
        <p:pic>
          <p:nvPicPr>
            <p:cNvPr id="3" name="Picture 4">
              <a:extLst>
                <a:ext uri="{FF2B5EF4-FFF2-40B4-BE49-F238E27FC236}">
                  <a16:creationId xmlns:a16="http://schemas.microsoft.com/office/drawing/2014/main" id="{C9FFB9E0-4130-BAE0-4EE7-32F8E7872FA2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5"/>
            <a:srcRect l="10976" r="10976"/>
            <a:stretch/>
          </p:blipFill>
          <p:spPr bwMode="auto">
            <a:xfrm>
              <a:off x="6054688" y="2242881"/>
              <a:ext cx="4796193" cy="2979359"/>
            </a:xfrm>
            <a:prstGeom prst="roundRect">
              <a:avLst>
                <a:gd name="adj" fmla="val 1983"/>
              </a:avLst>
            </a:prstGeom>
          </p:spPr>
        </p:pic>
      </p:grpSp>
      <p:pic>
        <p:nvPicPr>
          <p:cNvPr id="6" name="Picture 5" descr="A screenshot of a computer&#10;&#10;Description automatically generated">
            <a:extLst>
              <a:ext uri="{FF2B5EF4-FFF2-40B4-BE49-F238E27FC236}">
                <a16:creationId xmlns:a16="http://schemas.microsoft.com/office/drawing/2014/main" id="{85287643-FF81-D488-9CDB-F4B5CC21D13A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695325" y="3003274"/>
            <a:ext cx="4846378" cy="2349678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Rectangle: Top Corners Rounded 3">
            <a:extLst>
              <a:ext uri="{FF2B5EF4-FFF2-40B4-BE49-F238E27FC236}">
                <a16:creationId xmlns:a16="http://schemas.microsoft.com/office/drawing/2014/main" id="{AD23A211-1DFE-E0DC-AC3D-EDFBCE3B0D07}"/>
              </a:ext>
            </a:extLst>
          </p:cNvPr>
          <p:cNvSpPr/>
          <p:nvPr/>
        </p:nvSpPr>
        <p:spPr>
          <a:xfrm>
            <a:off x="8701270" y="4920033"/>
            <a:ext cx="1480598" cy="432919"/>
          </a:xfrm>
          <a:prstGeom prst="round2SameRect">
            <a:avLst>
              <a:gd name="adj1" fmla="val 15279"/>
              <a:gd name="adj2" fmla="val 17939"/>
            </a:avLst>
          </a:prstGeom>
          <a:solidFill>
            <a:schemeClr val="bg1"/>
          </a:solidFill>
          <a:ln>
            <a:solidFill>
              <a:schemeClr val="bg1">
                <a:lumMod val="85000"/>
              </a:schemeClr>
            </a:solidFill>
          </a:ln>
          <a:effectLst>
            <a:outerShdw blurRad="50800" dist="38100" dir="2700000" algn="tl" rotWithShape="0">
              <a:prstClr val="black">
                <a:alpha val="1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5E13A716-08B4-5BF6-5DF3-1203F8084E28}"/>
              </a:ext>
            </a:extLst>
          </p:cNvPr>
          <p:cNvSpPr txBox="1"/>
          <p:nvPr/>
        </p:nvSpPr>
        <p:spPr>
          <a:xfrm>
            <a:off x="8871385" y="4997993"/>
            <a:ext cx="1140368" cy="27699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lvl="2" indent="0" algn="ctr">
              <a:lnSpc>
                <a:spcPct val="100000"/>
              </a:lnSpc>
              <a:spcBef>
                <a:spcPts val="1800"/>
              </a:spcBef>
              <a:buClr>
                <a:srgbClr val="00799E"/>
              </a:buClr>
              <a:buNone/>
            </a:pPr>
            <a:r>
              <a:rPr lang="en-US" sz="1200" b="1">
                <a:solidFill>
                  <a:srgbClr val="00799E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hlinkClick r:id="rId7"/>
              </a:rPr>
              <a:t>View Demo</a:t>
            </a:r>
            <a:endParaRPr lang="en-US" sz="1200" b="1">
              <a:solidFill>
                <a:srgbClr val="00799E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55619339"/>
      </p:ext>
    </p:extLst>
  </p:cSld>
  <p:clrMapOvr>
    <a:masterClrMapping/>
  </p:clrMapOvr>
  <p:transition spd="slow">
    <p:push dir="u"/>
  </p:transition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7">
            <a:extLst>
              <a:ext uri="{FF2B5EF4-FFF2-40B4-BE49-F238E27FC236}">
                <a16:creationId xmlns:a16="http://schemas.microsoft.com/office/drawing/2014/main" id="{E3AEC578-6473-8AB8-D005-AC3AF925588E}"/>
              </a:ext>
            </a:extLst>
          </p:cNvPr>
          <p:cNvSpPr txBox="1">
            <a:spLocks/>
          </p:cNvSpPr>
          <p:nvPr/>
        </p:nvSpPr>
        <p:spPr>
          <a:xfrm>
            <a:off x="637540" y="1340313"/>
            <a:ext cx="5331884" cy="1280968"/>
          </a:xfrm>
          <a:prstGeom prst="rect">
            <a:avLst/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is storyline course is created using the tools mentioned below.</a:t>
            </a:r>
          </a:p>
          <a:p>
            <a:pPr marL="0" indent="0">
              <a:buNone/>
            </a:pPr>
            <a:r>
              <a:rPr lang="en-US" sz="1400" b="1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ools:</a:t>
            </a:r>
          </a:p>
          <a:p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Storyline 360</a:t>
            </a:r>
          </a:p>
          <a:p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Photoshop CC</a:t>
            </a:r>
          </a:p>
        </p:txBody>
      </p:sp>
      <p:sp>
        <p:nvSpPr>
          <p:cNvPr id="13" name="Title 12">
            <a:extLst>
              <a:ext uri="{FF2B5EF4-FFF2-40B4-BE49-F238E27FC236}">
                <a16:creationId xmlns:a16="http://schemas.microsoft.com/office/drawing/2014/main" id="{5772062F-5BB5-B071-3C51-5E30CA9D13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IN" dirty="0"/>
              <a:t>Storyline </a:t>
            </a:r>
            <a:r>
              <a:rPr lang="en-IN"/>
              <a:t>Sample</a:t>
            </a:r>
            <a:r>
              <a:rPr lang="en-IN" dirty="0"/>
              <a:t> </a:t>
            </a:r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068C39B4-3218-4CDB-AFA2-42D88BE51CD5}"/>
              </a:ext>
            </a:extLst>
          </p:cNvPr>
          <p:cNvGrpSpPr/>
          <p:nvPr/>
        </p:nvGrpSpPr>
        <p:grpSpPr>
          <a:xfrm>
            <a:off x="6861039" y="1717040"/>
            <a:ext cx="4861823" cy="3004498"/>
            <a:chOff x="5143559" y="1717040"/>
            <a:chExt cx="6579303" cy="4065862"/>
          </a:xfrm>
        </p:grpSpPr>
        <p:pic>
          <p:nvPicPr>
            <p:cNvPr id="20" name="Graphic 19">
              <a:extLst>
                <a:ext uri="{FF2B5EF4-FFF2-40B4-BE49-F238E27FC236}">
                  <a16:creationId xmlns:a16="http://schemas.microsoft.com/office/drawing/2014/main" id="{53FBE91D-DD28-B808-8C36-77B1C96450D1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96DAC541-7B7A-43D3-8B79-37D633B846F1}">
                  <asvg:svgBlip xmlns:asvg="http://schemas.microsoft.com/office/drawing/2016/SVG/main" r:embed="rId4"/>
                </a:ext>
              </a:extLst>
            </a:blip>
            <a:stretch>
              <a:fillRect/>
            </a:stretch>
          </p:blipFill>
          <p:spPr>
            <a:xfrm>
              <a:off x="5143559" y="1717040"/>
              <a:ext cx="6579303" cy="4065862"/>
            </a:xfrm>
            <a:prstGeom prst="rect">
              <a:avLst/>
            </a:prstGeom>
          </p:spPr>
        </p:pic>
        <p:pic>
          <p:nvPicPr>
            <p:cNvPr id="3" name="Picture 4">
              <a:extLst>
                <a:ext uri="{FF2B5EF4-FFF2-40B4-BE49-F238E27FC236}">
                  <a16:creationId xmlns:a16="http://schemas.microsoft.com/office/drawing/2014/main" id="{C9FFB9E0-4130-BAE0-4EE7-32F8E7872FA2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5"/>
            <a:srcRect l="10976" r="10976"/>
            <a:stretch/>
          </p:blipFill>
          <p:spPr bwMode="auto">
            <a:xfrm>
              <a:off x="6054688" y="2242881"/>
              <a:ext cx="4796193" cy="2979359"/>
            </a:xfrm>
            <a:prstGeom prst="roundRect">
              <a:avLst>
                <a:gd name="adj" fmla="val 1983"/>
              </a:avLst>
            </a:prstGeom>
          </p:spPr>
        </p:pic>
      </p:grpSp>
      <p:pic>
        <p:nvPicPr>
          <p:cNvPr id="6" name="Picture 5" descr="A screenshot of a computer&#10;&#10;Description automatically generated">
            <a:extLst>
              <a:ext uri="{FF2B5EF4-FFF2-40B4-BE49-F238E27FC236}">
                <a16:creationId xmlns:a16="http://schemas.microsoft.com/office/drawing/2014/main" id="{85287643-FF81-D488-9CDB-F4B5CC21D13A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/>
        </p:blipFill>
        <p:spPr>
          <a:xfrm>
            <a:off x="695326" y="3003274"/>
            <a:ext cx="4846375" cy="2349678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Rectangle: Top Corners Rounded 3">
            <a:extLst>
              <a:ext uri="{FF2B5EF4-FFF2-40B4-BE49-F238E27FC236}">
                <a16:creationId xmlns:a16="http://schemas.microsoft.com/office/drawing/2014/main" id="{64E8D24B-E239-CA95-496A-2CAF7C1C045D}"/>
              </a:ext>
            </a:extLst>
          </p:cNvPr>
          <p:cNvSpPr/>
          <p:nvPr/>
        </p:nvSpPr>
        <p:spPr>
          <a:xfrm>
            <a:off x="8701270" y="4920033"/>
            <a:ext cx="1480598" cy="432919"/>
          </a:xfrm>
          <a:prstGeom prst="round2SameRect">
            <a:avLst>
              <a:gd name="adj1" fmla="val 15279"/>
              <a:gd name="adj2" fmla="val 17939"/>
            </a:avLst>
          </a:prstGeom>
          <a:solidFill>
            <a:schemeClr val="bg1"/>
          </a:solidFill>
          <a:ln>
            <a:solidFill>
              <a:schemeClr val="bg1">
                <a:lumMod val="85000"/>
              </a:schemeClr>
            </a:solidFill>
          </a:ln>
          <a:effectLst>
            <a:outerShdw blurRad="50800" dist="38100" dir="2700000" algn="tl" rotWithShape="0">
              <a:prstClr val="black">
                <a:alpha val="1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A9B006EA-83A3-6C14-0D64-DDA28915D3DF}"/>
              </a:ext>
            </a:extLst>
          </p:cNvPr>
          <p:cNvSpPr txBox="1"/>
          <p:nvPr/>
        </p:nvSpPr>
        <p:spPr>
          <a:xfrm>
            <a:off x="8871385" y="4997993"/>
            <a:ext cx="1140368" cy="27699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lvl="2" indent="0" algn="ctr">
              <a:lnSpc>
                <a:spcPct val="100000"/>
              </a:lnSpc>
              <a:spcBef>
                <a:spcPts val="1800"/>
              </a:spcBef>
              <a:buClr>
                <a:srgbClr val="00799E"/>
              </a:buClr>
              <a:buNone/>
            </a:pPr>
            <a:r>
              <a:rPr lang="en-US" sz="1200" b="1">
                <a:solidFill>
                  <a:srgbClr val="00799E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hlinkClick r:id="rId7"/>
              </a:rPr>
              <a:t>View Demo</a:t>
            </a:r>
            <a:endParaRPr lang="en-US" sz="1200" b="1">
              <a:solidFill>
                <a:srgbClr val="00799E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1745230"/>
      </p:ext>
    </p:extLst>
  </p:cSld>
  <p:clrMapOvr>
    <a:masterClrMapping/>
  </p:clrMapOvr>
  <p:transition spd="slow">
    <p:push dir="u"/>
  </p:transition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7">
            <a:extLst>
              <a:ext uri="{FF2B5EF4-FFF2-40B4-BE49-F238E27FC236}">
                <a16:creationId xmlns:a16="http://schemas.microsoft.com/office/drawing/2014/main" id="{E3AEC578-6473-8AB8-D005-AC3AF925588E}"/>
              </a:ext>
            </a:extLst>
          </p:cNvPr>
          <p:cNvSpPr txBox="1">
            <a:spLocks/>
          </p:cNvSpPr>
          <p:nvPr/>
        </p:nvSpPr>
        <p:spPr>
          <a:xfrm>
            <a:off x="637540" y="1340313"/>
            <a:ext cx="5331884" cy="1280968"/>
          </a:xfrm>
          <a:prstGeom prst="rect">
            <a:avLst/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his storyline course is created using the tools mentioned below.</a:t>
            </a:r>
          </a:p>
          <a:p>
            <a:pPr marL="0" indent="0">
              <a:buNone/>
            </a:pPr>
            <a:r>
              <a:rPr lang="en-US" sz="1400" b="1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Tools:</a:t>
            </a:r>
          </a:p>
          <a:p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Storyline 360</a:t>
            </a:r>
          </a:p>
          <a:p>
            <a:r>
              <a:rPr lang="en-US" sz="1400"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</a:rPr>
              <a:t>Adobe Photoshop CC</a:t>
            </a:r>
          </a:p>
        </p:txBody>
      </p:sp>
      <p:sp>
        <p:nvSpPr>
          <p:cNvPr id="13" name="Title 12">
            <a:extLst>
              <a:ext uri="{FF2B5EF4-FFF2-40B4-BE49-F238E27FC236}">
                <a16:creationId xmlns:a16="http://schemas.microsoft.com/office/drawing/2014/main" id="{5772062F-5BB5-B071-3C51-5E30CA9D13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IN"/>
              <a:t>Storyline Sample </a:t>
            </a:r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41E41142-504F-48FA-99B6-27870B19564C}"/>
              </a:ext>
            </a:extLst>
          </p:cNvPr>
          <p:cNvGrpSpPr/>
          <p:nvPr/>
        </p:nvGrpSpPr>
        <p:grpSpPr>
          <a:xfrm>
            <a:off x="6748515" y="1717040"/>
            <a:ext cx="4974347" cy="3074035"/>
            <a:chOff x="5143559" y="1717040"/>
            <a:chExt cx="6579303" cy="4065862"/>
          </a:xfrm>
        </p:grpSpPr>
        <p:pic>
          <p:nvPicPr>
            <p:cNvPr id="20" name="Graphic 19">
              <a:extLst>
                <a:ext uri="{FF2B5EF4-FFF2-40B4-BE49-F238E27FC236}">
                  <a16:creationId xmlns:a16="http://schemas.microsoft.com/office/drawing/2014/main" id="{53FBE91D-DD28-B808-8C36-77B1C96450D1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96DAC541-7B7A-43D3-8B79-37D633B846F1}">
                  <asvg:svgBlip xmlns:asvg="http://schemas.microsoft.com/office/drawing/2016/SVG/main" r:embed="rId4"/>
                </a:ext>
              </a:extLst>
            </a:blip>
            <a:stretch>
              <a:fillRect/>
            </a:stretch>
          </p:blipFill>
          <p:spPr>
            <a:xfrm>
              <a:off x="5143559" y="1717040"/>
              <a:ext cx="6579303" cy="4065862"/>
            </a:xfrm>
            <a:prstGeom prst="rect">
              <a:avLst/>
            </a:prstGeom>
          </p:spPr>
        </p:pic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5E16F2A6-AEAF-6A70-824E-53BC12615918}"/>
                </a:ext>
              </a:extLst>
            </p:cNvPr>
            <p:cNvPicPr/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8392" b="8392"/>
            <a:stretch/>
          </p:blipFill>
          <p:spPr bwMode="auto">
            <a:xfrm>
              <a:off x="6057746" y="2263774"/>
              <a:ext cx="4752494" cy="2968625"/>
            </a:xfrm>
            <a:prstGeom prst="roundRect">
              <a:avLst>
                <a:gd name="adj" fmla="val 2930"/>
              </a:avLst>
            </a:prstGeom>
            <a:effectLst>
              <a:outerShdw blurRad="50800" dist="38100" dir="2700000" algn="tl" rotWithShape="0">
                <a:prstClr val="black">
                  <a:alpha val="20000"/>
                </a:prstClr>
              </a:outerShdw>
            </a:effectLst>
          </p:spPr>
        </p:pic>
      </p:grpSp>
      <p:pic>
        <p:nvPicPr>
          <p:cNvPr id="24" name="Picture 23">
            <a:extLst>
              <a:ext uri="{FF2B5EF4-FFF2-40B4-BE49-F238E27FC236}">
                <a16:creationId xmlns:a16="http://schemas.microsoft.com/office/drawing/2014/main" id="{B8F417AC-40E5-3F68-61CE-6404FF2147E2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95325" y="2742394"/>
            <a:ext cx="4059581" cy="2917626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Rectangle: Top Corners Rounded 3">
            <a:extLst>
              <a:ext uri="{FF2B5EF4-FFF2-40B4-BE49-F238E27FC236}">
                <a16:creationId xmlns:a16="http://schemas.microsoft.com/office/drawing/2014/main" id="{A88E1755-6127-25E3-13CA-830ACC2A293E}"/>
              </a:ext>
            </a:extLst>
          </p:cNvPr>
          <p:cNvSpPr/>
          <p:nvPr/>
        </p:nvSpPr>
        <p:spPr>
          <a:xfrm>
            <a:off x="8701270" y="4920033"/>
            <a:ext cx="1480598" cy="432919"/>
          </a:xfrm>
          <a:prstGeom prst="round2SameRect">
            <a:avLst>
              <a:gd name="adj1" fmla="val 15279"/>
              <a:gd name="adj2" fmla="val 17939"/>
            </a:avLst>
          </a:prstGeom>
          <a:solidFill>
            <a:schemeClr val="bg1"/>
          </a:solidFill>
          <a:ln>
            <a:solidFill>
              <a:schemeClr val="bg1">
                <a:lumMod val="85000"/>
              </a:schemeClr>
            </a:solidFill>
          </a:ln>
          <a:effectLst>
            <a:outerShdw blurRad="50800" dist="38100" dir="2700000" algn="tl" rotWithShape="0">
              <a:prstClr val="black">
                <a:alpha val="1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 sz="1400"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A425FDF8-F463-E06C-C092-7C83D28ACC65}"/>
              </a:ext>
            </a:extLst>
          </p:cNvPr>
          <p:cNvSpPr txBox="1"/>
          <p:nvPr/>
        </p:nvSpPr>
        <p:spPr>
          <a:xfrm>
            <a:off x="8871385" y="4997993"/>
            <a:ext cx="1140368" cy="27699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lvl="2" indent="0" algn="ctr">
              <a:lnSpc>
                <a:spcPct val="100000"/>
              </a:lnSpc>
              <a:spcBef>
                <a:spcPts val="1800"/>
              </a:spcBef>
              <a:buClr>
                <a:srgbClr val="00799E"/>
              </a:buClr>
              <a:buNone/>
            </a:pPr>
            <a:r>
              <a:rPr lang="en-US" sz="1200" b="1">
                <a:solidFill>
                  <a:srgbClr val="00799E"/>
                </a:solidFill>
                <a:latin typeface="Roboto Light" panose="02000000000000000000" pitchFamily="2" charset="0"/>
                <a:ea typeface="Roboto Light" panose="02000000000000000000" pitchFamily="2" charset="0"/>
                <a:cs typeface="Roboto Light" panose="02000000000000000000" pitchFamily="2" charset="0"/>
                <a:hlinkClick r:id="rId7"/>
              </a:rPr>
              <a:t>View Demo</a:t>
            </a:r>
            <a:endParaRPr lang="en-US" sz="1200" b="1">
              <a:solidFill>
                <a:srgbClr val="00799E"/>
              </a:solidFill>
              <a:latin typeface="Roboto Light" panose="02000000000000000000" pitchFamily="2" charset="0"/>
              <a:ea typeface="Roboto Light" panose="02000000000000000000" pitchFamily="2" charset="0"/>
              <a:cs typeface="Roboto Light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71083776"/>
      </p:ext>
    </p:extLst>
  </p:cSld>
  <p:clrMapOvr>
    <a:masterClrMapping/>
  </p:clrMapOvr>
  <p:transition spd="slow">
    <p:push dir="u"/>
  </p:transition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DESIGN_ID_OFFICE THEME" val="tbwyRFQX"/>
  <p:tag name="ARTICULATE_PROJECT_OPEN" val="0"/>
  <p:tag name="ARTICULATE_SLIDE_COUNT" val="16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37</TotalTime>
  <Words>402</Words>
  <Application>Microsoft Office PowerPoint</Application>
  <PresentationFormat>Widescreen</PresentationFormat>
  <Paragraphs>97</Paragraphs>
  <Slides>16</Slides>
  <Notes>1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6</vt:i4>
      </vt:variant>
    </vt:vector>
  </HeadingPairs>
  <TitlesOfParts>
    <vt:vector size="17" baseType="lpstr">
      <vt:lpstr>Office Theme</vt:lpstr>
      <vt:lpstr>PowerPoint Presentation</vt:lpstr>
      <vt:lpstr>A visual timeline</vt:lpstr>
      <vt:lpstr>Introduction</vt:lpstr>
      <vt:lpstr>Skill sets </vt:lpstr>
      <vt:lpstr>PowerPoint Presentation</vt:lpstr>
      <vt:lpstr>PowerPoint Presentation</vt:lpstr>
      <vt:lpstr>Storyline Sample </vt:lpstr>
      <vt:lpstr>Storyline Sample </vt:lpstr>
      <vt:lpstr>Storyline Sample </vt:lpstr>
      <vt:lpstr>Storyline Sample </vt:lpstr>
      <vt:lpstr>PowerPoint Presentation</vt:lpstr>
      <vt:lpstr>Articulate Rise Sample </vt:lpstr>
      <vt:lpstr>Articulate Rise Sample</vt:lpstr>
      <vt:lpstr>PowerPoint Presentation</vt:lpstr>
      <vt:lpstr>Training Tool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Vrushali Alaspure</dc:creator>
  <cp:lastModifiedBy>Shivani Walia</cp:lastModifiedBy>
  <cp:revision>7</cp:revision>
  <dcterms:created xsi:type="dcterms:W3CDTF">2024-08-27T08:03:35Z</dcterms:created>
  <dcterms:modified xsi:type="dcterms:W3CDTF">2024-12-04T14:34:27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1BFAAF99-14D2-45D4-A7FC-C3D60C058438</vt:lpwstr>
  </property>
  <property fmtid="{D5CDD505-2E9C-101B-9397-08002B2CF9AE}" pid="3" name="ArticulatePath">
    <vt:lpwstr>https://aptaracoin-my.sharepoint.com/personal/p02570_aptaracorp_com/Documents/Team1</vt:lpwstr>
  </property>
</Properties>
</file>